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3A4D58DB-AF19-4348-9490-C6863B732004}"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287" uniqueCount="60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South Australia</t>
  </si>
  <si>
    <t>Regional South Australia</t>
  </si>
  <si>
    <t>Adelaide Hills, Fleurieu and Kangaroo Island (RDA)</t>
  </si>
  <si>
    <t>Alexandrina (LGA)</t>
  </si>
  <si>
    <t>Limestone Coast (RDA)</t>
  </si>
  <si>
    <t>Grant, Mount Gambier &amp; Wattle Range (LGAs)</t>
  </si>
  <si>
    <t>Murraylands and Riverland (RDA)</t>
  </si>
  <si>
    <t>Berri and Barmera, Loxton Waikerie &amp; Renmark Paringa (LGAs)</t>
  </si>
  <si>
    <t>Mid Murray, Karoonda East Murray, Southern Mallee &amp; The Coorong (LGAs)</t>
  </si>
  <si>
    <t>Murray Bridge (LGA)</t>
  </si>
  <si>
    <t>Whyalla and Eyre Peninsula &amp; Far North (RDAs)</t>
  </si>
  <si>
    <t>Yorke and Mid North (RDA)</t>
  </si>
  <si>
    <t>Adelaide Metropolitan (RDA)</t>
  </si>
  <si>
    <t>Onkaparinga (LGA)</t>
  </si>
  <si>
    <t>Barossa (RDA)</t>
  </si>
  <si>
    <t>Mid Murray,  Karoonda East Murray, Southern Mallee &amp; The Coorong (LGAs)</t>
  </si>
  <si>
    <t>About the region: South Australia</t>
  </si>
  <si>
    <t>Alexandrina is an LGA located in the south east of South Australia. In total, 73 people who live in this LGA took part in the 2018 Regional Wellbeing Survey.</t>
  </si>
  <si>
    <t xml:space="preserve">The Whyalla and Eyre Peninsula &amp; Far North regions are Regional Development Australia regions located in the south east of South Australia. The regions include the local government areas (LGAs) of Anangu Pitjantjatjara, Ceduna, Cleve, Coober Pedy, Elliston, Flinders Ranges, Franklin Harbour, Kimba, Lower Eyre Peninsula, Maralinga Tjarutja, Port Augusta, Port Lincoln, Roxby Downs, Streaky Bay, Tumby Bay, and Unincorporated SA. In total, 113 people who live in this region took part in the 2018 Regional Wellbeing Survey. </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Regional South Australia includes all of South Australia except the metropolitan areas of Adelaide and surrounding suburban areas. In total, 931 people who live in regional South Australia took part in the 2018 Regional Wellbeing Survey, although not all these people answered every question on the survey. A total of 806 people living in urban areas are excluded when reporting for regional South Australia in these data tables.</t>
  </si>
  <si>
    <t xml:space="preserve">The Adelaide Hills, Fleurieu and Kangaroo Island region is a Regional Development Australia region located in the south east of South Australia. The region includes the local government areas (LGAs) of Adelaide Hills, Alexandrina, kangaroo Island, Mount Barker, Victor Harbour and Yankalilla. In total, 198 people who live in this region took part in the 2018 Regional Wellbeing Survey. </t>
  </si>
  <si>
    <t xml:space="preserve">The Adelaide Metropolitan region is a Regional Development Australia region located in the south east of South Australia. The regions include Adelaide Metropolitan and surrounding suburbs. In total, 814 people who live in this region took part in the 2018 Regional Wellbeing Survey. </t>
  </si>
  <si>
    <t>Onkaparinga is an LGA located in the south east of South Australia. In total, 127 people who live in this LGA took part in the 2018 Regional Wellbeing Survey.</t>
  </si>
  <si>
    <t xml:space="preserve">The Barossa region is a Regional Development Australia region located in the south east of South Australia. The regions include the local government areas (LGAs) of Barossa, Gawler, Light and Mallala. In total, 99 people who live in this region took part in the 2018 Regional Wellbeing Survey. </t>
  </si>
  <si>
    <t xml:space="preserve">The Limestone Coast region is a Regional Development Australia region located in the south east of South Australia. The region includes the local government areas (LGAs) of Grant, Kingston, Mount Gambier, Naracoorte and Lucindale, Robe, Tatiara and Wattle Range. In total, 127 people who live in this region took part in the 2018 Regional Wellbeing Survey. </t>
  </si>
  <si>
    <t xml:space="preserve">Grant, Mount Gambier &amp; Wattle Range are LGAs located in the south east of South Australia. In total, 97 people who live in these LGAs took part in the 2018 Regional Wellbeing Survey. </t>
  </si>
  <si>
    <t xml:space="preserve">The Murraylands and Riverland region is a Regional Development Australia region located in the south east of South Australia. The region includes the local government areas (LGAs) of Berri Barmera, Karoonda East Murray, Loxton Waikerie, Mid-Murray, Murray Bridge, Renmark Paringa, Southern Mallee and The Coorong. In total, 263 people who live in this region took part in the 2018 Regional Wellbeing Survey. </t>
  </si>
  <si>
    <t xml:space="preserve">Berri and Barmera, Loxton Waikerie &amp; Renmark Paringa are LGAs located in the south east of South Australia. In total, 114 people who live in these LGAs took part in the 2018 Regional Wellbeing Survey. </t>
  </si>
  <si>
    <t xml:space="preserve">Mid Murray, Karoonda East Murray, Southern Mallee &amp; The Coorong are LGAs located in the south east of South Australia. In total, 68 people who live in these LGAs took part in the 2018 Regional Wellbeing Survey. </t>
  </si>
  <si>
    <t>Murray Bridge is an LGA located in the south east of South Australia. In total, 81 people who live in this LGA took part in the 2018 Regional Wellbeing Survey.</t>
  </si>
  <si>
    <t xml:space="preserve">The Yorke and Mid North region is a Regional Development Australia region located in the south east of South Australia. The region includes the local government areas (LGAs) of Barunga West, Clare and Gilbert Valleys, Copper Coast, Goyder, Mount Remarkable, Northern Areas, Orroroo Carrieton, Peterborough, Port Pirie, Wakefield and Yorke Peninsula. In total, 123 people who live in this region took part in the 2018 Regional Wellbeing Survey. </t>
  </si>
  <si>
    <t>% residents who rated access as a problem</t>
  </si>
  <si>
    <t>Measured using a reversed scale from 1 (strongly agree) to 7 (strongly disagree)</t>
  </si>
  <si>
    <t>Measured using a reversed scale from 1 (very big problem) to 7 (not a problem)</t>
  </si>
  <si>
    <t xml:space="preserve">Confidence interval for % who  disagree </t>
  </si>
  <si>
    <t>Lack of affordable food/groceries at local shops
(Measured 'not a problem' (1) to 'very big problem' (7))</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This file provides data from the 2018 Regional Wellbeing Survey for South Australia (SA).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SA; (v) regional SA; and (vi) the Regional Development Australia (RDA) regions of Adelaide Hills, Fleurieu and Kangaroo Island, Adelaide Metropolitan, Barossa, Limestone Coast, Murraylands and Riverland, Whyalla and Eyre Peninsula, Far North and Yorke and Mid North.</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 xml:space="preserve">South Australia includes all of South Australia including the metropolitan areas of Adelaide and surrounding suburban areas. In total, 1,737 people from South Australia took part in the 2018 Regional Wellbeing Survey, although not all these people answered every question on the survey. </t>
  </si>
  <si>
    <t xml:space="preserve">You may reproduce the data in this spreadsheet for any purpose, providing you acknowledge the data source. Data should be cited as being sourced from the 2018 Regional Wellbeing Survey, South Australia data table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6">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6" fillId="5" borderId="1" xfId="29" quotePrefix="1" applyFont="1" applyFill="1" applyBorder="1" applyAlignment="1">
      <alignment horizontal="left" vertical="top" wrapText="1"/>
    </xf>
    <xf numFmtId="0" fontId="27" fillId="3" borderId="0" xfId="0" applyFont="1" applyFill="1" applyAlignment="1">
      <alignment vertical="top" wrapText="1"/>
    </xf>
    <xf numFmtId="0" fontId="26" fillId="3" borderId="0" xfId="0" applyFont="1" applyFill="1" applyAlignment="1">
      <alignment vertical="top" wrapText="1"/>
    </xf>
    <xf numFmtId="0" fontId="27" fillId="3" borderId="0" xfId="0" applyFont="1" applyFill="1" applyAlignment="1">
      <alignment vertical="center"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Border="1" applyAlignment="1">
      <alignment wrapText="1"/>
    </xf>
    <xf numFmtId="0" fontId="27" fillId="3" borderId="0" xfId="0" applyFont="1" applyFill="1" applyBorder="1" applyAlignment="1">
      <alignment wrapText="1"/>
    </xf>
    <xf numFmtId="0" fontId="26" fillId="3" borderId="0" xfId="0" applyFont="1" applyFill="1" applyAlignment="1">
      <alignment vertical="center" wrapText="1"/>
    </xf>
    <xf numFmtId="0" fontId="27" fillId="2" borderId="0" xfId="0" applyFont="1" applyFill="1" applyAlignment="1">
      <alignment wrapText="1"/>
    </xf>
    <xf numFmtId="0" fontId="16" fillId="5" borderId="6" xfId="23" applyFont="1" applyFill="1" applyBorder="1" applyAlignment="1">
      <alignment vertical="top" wrapText="1"/>
    </xf>
    <xf numFmtId="0" fontId="15" fillId="0" borderId="0" xfId="3" quotePrefix="1" applyFont="1" applyAlignment="1">
      <alignment vertical="top" wrapText="1"/>
    </xf>
    <xf numFmtId="165" fontId="20" fillId="0" borderId="1" xfId="32" applyNumberFormat="1" applyFont="1" applyBorder="1" applyAlignment="1">
      <alignment horizontal="left" vertical="center"/>
    </xf>
    <xf numFmtId="168" fontId="20" fillId="0" borderId="1" xfId="25" applyNumberFormat="1" applyFont="1" applyBorder="1" applyAlignment="1">
      <alignment horizontal="left" vertical="center"/>
    </xf>
    <xf numFmtId="168" fontId="22" fillId="0" borderId="1" xfId="25" applyNumberFormat="1" applyFont="1" applyBorder="1" applyAlignment="1">
      <alignment horizontal="left" vertical="center"/>
    </xf>
    <xf numFmtId="164" fontId="20" fillId="0" borderId="1" xfId="32" applyNumberFormat="1" applyFont="1" applyBorder="1" applyAlignment="1">
      <alignment horizontal="left" vertical="center"/>
    </xf>
    <xf numFmtId="167" fontId="22" fillId="0" borderId="1" xfId="0" applyNumberFormat="1" applyFont="1" applyBorder="1" applyAlignment="1">
      <alignment horizontal="left" vertical="center" wrapText="1"/>
    </xf>
    <xf numFmtId="0" fontId="20" fillId="0" borderId="1" xfId="24" applyFont="1" applyBorder="1" applyAlignment="1">
      <alignment horizontal="left" vertical="center" wrapText="1"/>
    </xf>
    <xf numFmtId="165" fontId="20" fillId="0" borderId="1" xfId="24" applyNumberFormat="1" applyFont="1" applyBorder="1" applyAlignment="1">
      <alignment horizontal="left" vertical="center"/>
    </xf>
    <xf numFmtId="165" fontId="20" fillId="0" borderId="1" xfId="19" applyNumberFormat="1" applyFont="1" applyBorder="1" applyAlignment="1">
      <alignment horizontal="left" vertical="center"/>
    </xf>
    <xf numFmtId="165" fontId="20" fillId="0" borderId="1" xfId="20" applyNumberFormat="1" applyFont="1" applyBorder="1" applyAlignment="1">
      <alignment horizontal="left" vertical="center"/>
    </xf>
    <xf numFmtId="164" fontId="20" fillId="0" borderId="1" xfId="20" applyNumberFormat="1" applyFont="1" applyBorder="1" applyAlignment="1">
      <alignment horizontal="left" vertical="center"/>
    </xf>
    <xf numFmtId="0" fontId="0" fillId="3" borderId="0" xfId="0" quotePrefix="1" applyFill="1"/>
    <xf numFmtId="0" fontId="0" fillId="3" borderId="0" xfId="0" applyFill="1"/>
    <xf numFmtId="0" fontId="8" fillId="3" borderId="0" xfId="0" applyFont="1" applyFill="1" applyAlignment="1">
      <alignment horizontal="left"/>
    </xf>
    <xf numFmtId="0" fontId="8" fillId="3" borderId="0" xfId="0" applyFont="1" applyFill="1"/>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4" fillId="4" borderId="0" xfId="0" applyFont="1" applyFill="1" applyBorder="1" applyAlignment="1">
      <alignment vertical="top"/>
    </xf>
    <xf numFmtId="0" fontId="15" fillId="0" borderId="2" xfId="5" quotePrefix="1" applyFont="1" applyBorder="1" applyAlignment="1">
      <alignment vertical="top" wrapText="1"/>
    </xf>
    <xf numFmtId="0" fontId="14" fillId="4" borderId="0" xfId="0" applyFont="1" applyFill="1" applyBorder="1" applyAlignment="1">
      <alignment horizontal="left" vertical="top"/>
    </xf>
    <xf numFmtId="0" fontId="15" fillId="0" borderId="2" xfId="5" quotePrefix="1" applyFont="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29" quotePrefix="1" applyFont="1" applyBorder="1" applyAlignment="1">
      <alignment horizontal="left" vertical="top" wrapText="1"/>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9" quotePrefix="1" applyFont="1" applyAlignment="1">
      <alignment horizontal="left" vertical="top" wrapText="1"/>
    </xf>
    <xf numFmtId="167" fontId="14" fillId="4" borderId="0" xfId="0" applyNumberFormat="1" applyFont="1" applyFill="1" applyBorder="1" applyAlignment="1">
      <alignment horizontal="left" vertical="top"/>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5" fillId="0" borderId="0" xfId="2" quotePrefix="1" applyFont="1" applyAlignment="1">
      <alignment horizontal="left" vertical="top" wrapText="1"/>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30" fillId="0" borderId="2" xfId="2" quotePrefix="1" applyFont="1" applyBorder="1" applyAlignment="1">
      <alignment horizontal="left" vertical="top" wrapText="1"/>
    </xf>
    <xf numFmtId="0" fontId="15" fillId="0" borderId="0" xfId="2" applyFont="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6" fillId="5" borderId="1" xfId="0" applyFont="1" applyFill="1" applyBorder="1" applyAlignment="1">
      <alignment horizontal="left" vertical="top"/>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applyFont="1" applyFill="1" applyBorder="1" applyAlignment="1">
      <alignment horizontal="left" vertical="top"/>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2" xfId="3"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431798</xdr:colOff>
      <xdr:row>34</xdr:row>
      <xdr:rowOff>180974</xdr:rowOff>
    </xdr:to>
    <xdr:pic>
      <xdr:nvPicPr>
        <xdr:cNvPr id="4" name="Picture 3">
          <a:extLst>
            <a:ext uri="{FF2B5EF4-FFF2-40B4-BE49-F238E27FC236}">
              <a16:creationId xmlns:a16="http://schemas.microsoft.com/office/drawing/2014/main" id="{E26400E1-7F54-4393-9F0A-0E8855C8033B}"/>
            </a:ext>
          </a:extLst>
        </xdr:cNvPr>
        <xdr:cNvPicPr>
          <a:picLocks noChangeAspect="1"/>
        </xdr:cNvPicPr>
      </xdr:nvPicPr>
      <xdr:blipFill>
        <a:blip xmlns:r="http://schemas.openxmlformats.org/officeDocument/2006/relationships" r:embed="rId1"/>
        <a:stretch>
          <a:fillRect/>
        </a:stretch>
      </xdr:blipFill>
      <xdr:spPr>
        <a:xfrm>
          <a:off x="0" y="0"/>
          <a:ext cx="12242798" cy="688657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V1" sqref="V1"/>
    </sheetView>
  </sheetViews>
  <sheetFormatPr defaultColWidth="8.85546875" defaultRowHeight="15"/>
  <cols>
    <col min="1" max="16384" width="8.85546875" style="2"/>
  </cols>
  <sheetData>
    <row r="1" spans="11:19" ht="23.25">
      <c r="Q1" s="221"/>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28"/>
  <sheetViews>
    <sheetView zoomScaleNormal="100" workbookViewId="0"/>
  </sheetViews>
  <sheetFormatPr defaultColWidth="18.5703125" defaultRowHeight="15"/>
  <cols>
    <col min="1" max="1" width="45.5703125" customWidth="1"/>
  </cols>
  <sheetData>
    <row r="1" spans="1:4" ht="31.5">
      <c r="A1" s="30" t="s">
        <v>44</v>
      </c>
    </row>
    <row r="3" spans="1:4" ht="18.75">
      <c r="A3" s="335" t="s">
        <v>12</v>
      </c>
      <c r="B3" s="335"/>
      <c r="C3" s="335"/>
      <c r="D3" s="335"/>
    </row>
    <row r="4" spans="1:4" ht="105" customHeight="1">
      <c r="A4" s="389" t="s">
        <v>394</v>
      </c>
      <c r="B4" s="389"/>
      <c r="C4" s="389"/>
      <c r="D4" s="389"/>
    </row>
    <row r="5" spans="1:4" ht="42" customHeight="1">
      <c r="A5" s="402" t="s">
        <v>129</v>
      </c>
      <c r="B5" s="402"/>
      <c r="C5" s="402"/>
      <c r="D5" s="402"/>
    </row>
    <row r="6" spans="1:4" ht="36.75" customHeight="1">
      <c r="A6" s="32" t="s">
        <v>71</v>
      </c>
      <c r="B6" s="33" t="s">
        <v>72</v>
      </c>
      <c r="C6" s="34" t="s">
        <v>583</v>
      </c>
      <c r="D6" s="35" t="s">
        <v>73</v>
      </c>
    </row>
    <row r="7" spans="1:4" ht="75.75" customHeight="1">
      <c r="A7" s="36"/>
      <c r="B7" s="37" t="s">
        <v>74</v>
      </c>
      <c r="C7" s="121" t="s">
        <v>130</v>
      </c>
      <c r="D7" s="39" t="s">
        <v>76</v>
      </c>
    </row>
    <row r="8" spans="1:4">
      <c r="A8" s="40" t="s">
        <v>350</v>
      </c>
      <c r="B8" s="171">
        <v>13948</v>
      </c>
      <c r="C8" s="79">
        <v>4.3597467015894189</v>
      </c>
      <c r="D8" s="80">
        <v>2.1353460682569127E-2</v>
      </c>
    </row>
    <row r="9" spans="1:4">
      <c r="A9" s="44" t="s">
        <v>351</v>
      </c>
      <c r="B9" s="44">
        <v>10229</v>
      </c>
      <c r="C9" s="173">
        <v>4.4106820270049285</v>
      </c>
      <c r="D9" s="125">
        <v>2.4717745520724196E-2</v>
      </c>
    </row>
    <row r="10" spans="1:4">
      <c r="A10" s="40" t="s">
        <v>352</v>
      </c>
      <c r="B10" s="48">
        <v>3719</v>
      </c>
      <c r="C10" s="79">
        <v>4.3184386492961995</v>
      </c>
      <c r="D10" s="80">
        <v>4.2072624713376271E-2</v>
      </c>
    </row>
    <row r="11" spans="1:4">
      <c r="A11" s="44" t="s">
        <v>534</v>
      </c>
      <c r="B11" s="44">
        <v>1701</v>
      </c>
      <c r="C11" s="173">
        <v>4.3338016346924864</v>
      </c>
      <c r="D11" s="125">
        <v>6.2268747231273583E-2</v>
      </c>
    </row>
    <row r="12" spans="1:4">
      <c r="A12" s="40" t="s">
        <v>535</v>
      </c>
      <c r="B12" s="48">
        <v>929</v>
      </c>
      <c r="C12" s="79">
        <v>4.4095364873081264</v>
      </c>
      <c r="D12" s="80">
        <v>8.5723596233847357E-2</v>
      </c>
    </row>
    <row r="13" spans="1:4">
      <c r="A13" s="44" t="s">
        <v>536</v>
      </c>
      <c r="B13" s="44">
        <v>198</v>
      </c>
      <c r="C13" s="173">
        <v>4.3537604678636663</v>
      </c>
      <c r="D13" s="125">
        <v>0.19945731857076199</v>
      </c>
    </row>
    <row r="14" spans="1:4">
      <c r="A14" s="40" t="s">
        <v>537</v>
      </c>
      <c r="B14" s="48">
        <v>73</v>
      </c>
      <c r="C14" s="79">
        <v>4.5017054027733359</v>
      </c>
      <c r="D14" s="80">
        <v>0.36012870040966372</v>
      </c>
    </row>
    <row r="15" spans="1:4">
      <c r="A15" s="44" t="s">
        <v>546</v>
      </c>
      <c r="B15" s="44">
        <v>780</v>
      </c>
      <c r="C15" s="173">
        <v>4.3001821395466795</v>
      </c>
      <c r="D15" s="125">
        <v>8.9923691774419293E-2</v>
      </c>
    </row>
    <row r="16" spans="1:4">
      <c r="A16" s="40" t="s">
        <v>547</v>
      </c>
      <c r="B16" s="48">
        <v>127</v>
      </c>
      <c r="C16" s="79">
        <v>4.3504780258863534</v>
      </c>
      <c r="D16" s="80">
        <v>0.2368755092797839</v>
      </c>
    </row>
    <row r="17" spans="1:25">
      <c r="A17" s="44" t="s">
        <v>548</v>
      </c>
      <c r="B17" s="44">
        <v>99</v>
      </c>
      <c r="C17" s="173">
        <v>4.2539547376888303</v>
      </c>
      <c r="D17" s="125">
        <v>0.27377224257234828</v>
      </c>
    </row>
    <row r="18" spans="1:25">
      <c r="A18" s="40" t="s">
        <v>538</v>
      </c>
      <c r="B18" s="171">
        <v>125</v>
      </c>
      <c r="C18" s="79">
        <v>4.3005402770300041</v>
      </c>
      <c r="D18" s="80">
        <v>0.20702158355434264</v>
      </c>
    </row>
    <row r="19" spans="1:25">
      <c r="A19" s="44" t="s">
        <v>539</v>
      </c>
      <c r="B19" s="172">
        <v>96</v>
      </c>
      <c r="C19" s="173">
        <v>4.2295381407258361</v>
      </c>
      <c r="D19" s="125">
        <v>0.2341202738584999</v>
      </c>
    </row>
    <row r="20" spans="1:25">
      <c r="A20" s="40" t="s">
        <v>540</v>
      </c>
      <c r="B20" s="78">
        <v>263</v>
      </c>
      <c r="C20" s="79">
        <v>4.4816505874170671</v>
      </c>
      <c r="D20" s="80">
        <v>0.15890855764950046</v>
      </c>
      <c r="P20" s="236"/>
      <c r="Q20" s="236"/>
      <c r="R20" s="236"/>
      <c r="S20" s="236"/>
      <c r="T20" s="236"/>
      <c r="U20" s="236"/>
      <c r="V20" s="236"/>
      <c r="W20" s="236"/>
      <c r="X20" s="236"/>
      <c r="Y20" s="236"/>
    </row>
    <row r="21" spans="1:25" ht="25.5">
      <c r="A21" s="44" t="s">
        <v>541</v>
      </c>
      <c r="B21" s="172">
        <v>114</v>
      </c>
      <c r="C21" s="173">
        <v>4.5815032231447406</v>
      </c>
      <c r="D21" s="125">
        <v>0.23586957294113159</v>
      </c>
      <c r="P21" s="236"/>
      <c r="Q21" s="236"/>
      <c r="R21" s="236"/>
      <c r="S21" s="236"/>
      <c r="T21" s="236"/>
      <c r="U21" s="236"/>
      <c r="V21" s="236"/>
      <c r="W21" s="236"/>
      <c r="X21" s="236"/>
      <c r="Y21" s="236"/>
    </row>
    <row r="22" spans="1:25" ht="25.5">
      <c r="A22" s="52" t="s">
        <v>549</v>
      </c>
      <c r="B22" s="171">
        <v>68</v>
      </c>
      <c r="C22" s="79">
        <v>4.3052629695263498</v>
      </c>
      <c r="D22" s="80">
        <v>0.29171092470077109</v>
      </c>
      <c r="P22" s="236"/>
      <c r="Q22" s="236"/>
      <c r="R22" s="236"/>
      <c r="S22" s="236"/>
      <c r="T22" s="236"/>
      <c r="U22" s="236"/>
      <c r="V22" s="236"/>
      <c r="W22" s="236"/>
      <c r="X22" s="236"/>
      <c r="Y22" s="236"/>
    </row>
    <row r="23" spans="1:25">
      <c r="A23" s="44" t="s">
        <v>543</v>
      </c>
      <c r="B23" s="172">
        <v>81</v>
      </c>
      <c r="C23" s="173">
        <v>4.4614220727061102</v>
      </c>
      <c r="D23" s="125">
        <v>0.31055069170874677</v>
      </c>
      <c r="P23" s="236"/>
      <c r="Q23" s="236"/>
      <c r="R23" s="236"/>
      <c r="S23" s="236"/>
      <c r="T23" s="236"/>
      <c r="U23" s="236"/>
      <c r="V23" s="236"/>
      <c r="W23" s="236"/>
      <c r="X23" s="236"/>
      <c r="Y23" s="236"/>
    </row>
    <row r="24" spans="1:25">
      <c r="A24" s="52" t="s">
        <v>544</v>
      </c>
      <c r="B24" s="171">
        <v>113</v>
      </c>
      <c r="C24" s="79">
        <v>4.5269085985735638</v>
      </c>
      <c r="D24" s="80">
        <v>0.24499040626529237</v>
      </c>
      <c r="P24" s="236"/>
      <c r="Q24" s="236"/>
      <c r="R24" s="236"/>
      <c r="S24" s="236"/>
      <c r="T24" s="236"/>
      <c r="U24" s="236"/>
      <c r="V24" s="236"/>
      <c r="W24" s="236"/>
      <c r="X24" s="236"/>
      <c r="Y24" s="236"/>
    </row>
    <row r="25" spans="1:25">
      <c r="A25" s="44" t="s">
        <v>545</v>
      </c>
      <c r="B25" s="172">
        <v>123</v>
      </c>
      <c r="C25" s="173">
        <v>4.5589257058589672</v>
      </c>
      <c r="D25" s="125">
        <v>0.23341470664335792</v>
      </c>
      <c r="P25" s="236"/>
      <c r="Q25" s="236"/>
      <c r="R25" s="236"/>
      <c r="S25" s="236"/>
      <c r="T25" s="236"/>
      <c r="U25" s="236"/>
      <c r="V25" s="236"/>
      <c r="W25" s="236"/>
      <c r="X25" s="236"/>
      <c r="Y25" s="236"/>
    </row>
    <row r="26" spans="1:25">
      <c r="P26" s="236"/>
      <c r="Q26" s="236"/>
      <c r="R26" s="236"/>
      <c r="S26" s="236"/>
      <c r="T26" s="236"/>
      <c r="U26" s="236"/>
      <c r="V26" s="236"/>
      <c r="W26" s="236"/>
      <c r="X26" s="236"/>
      <c r="Y26" s="236"/>
    </row>
    <row r="27" spans="1:25">
      <c r="P27" s="236"/>
      <c r="Q27" s="236"/>
      <c r="R27" s="236"/>
      <c r="S27" s="236"/>
      <c r="T27" s="236"/>
      <c r="U27" s="236"/>
      <c r="V27" s="236"/>
      <c r="W27" s="236"/>
      <c r="X27" s="236"/>
      <c r="Y27" s="236"/>
    </row>
    <row r="28" spans="1:25">
      <c r="P28" s="236"/>
      <c r="Q28" s="236"/>
      <c r="R28" s="236"/>
      <c r="S28" s="236"/>
      <c r="T28" s="236"/>
      <c r="U28" s="236"/>
      <c r="V28" s="236"/>
      <c r="W28" s="236"/>
      <c r="X28" s="236"/>
      <c r="Y28" s="236"/>
    </row>
    <row r="29" spans="1:25">
      <c r="P29" s="236"/>
      <c r="Q29" s="236"/>
      <c r="R29" s="236"/>
      <c r="S29" s="236"/>
      <c r="T29" s="236"/>
      <c r="U29" s="236"/>
      <c r="V29" s="236"/>
      <c r="W29" s="236"/>
      <c r="X29" s="236"/>
      <c r="Y29" s="236"/>
    </row>
    <row r="30" spans="1:25">
      <c r="P30" s="236"/>
      <c r="Q30" s="236"/>
      <c r="R30" s="236"/>
      <c r="S30" s="236"/>
      <c r="T30" s="236"/>
      <c r="U30" s="236"/>
      <c r="V30" s="236"/>
      <c r="W30" s="236"/>
      <c r="X30" s="236"/>
      <c r="Y30" s="236"/>
    </row>
    <row r="31" spans="1:25">
      <c r="P31" s="236"/>
      <c r="Q31" s="236"/>
      <c r="R31" s="236"/>
      <c r="S31" s="236"/>
      <c r="T31" s="236"/>
      <c r="U31" s="236"/>
      <c r="V31" s="236"/>
      <c r="W31" s="236"/>
      <c r="X31" s="236"/>
      <c r="Y31" s="236"/>
    </row>
    <row r="32" spans="1:25" ht="18.75">
      <c r="A32" s="335" t="s">
        <v>45</v>
      </c>
      <c r="B32" s="335"/>
      <c r="C32" s="335"/>
      <c r="D32" s="335"/>
      <c r="E32" s="335"/>
      <c r="F32" s="335"/>
      <c r="G32" s="335"/>
      <c r="H32" s="335"/>
      <c r="I32" s="335"/>
      <c r="J32" s="335"/>
      <c r="K32" s="335"/>
      <c r="L32" s="335"/>
      <c r="M32" s="335"/>
      <c r="N32" s="335"/>
      <c r="O32" s="335"/>
      <c r="P32" s="335"/>
      <c r="Q32" s="335"/>
      <c r="R32" s="335"/>
      <c r="S32" s="335"/>
      <c r="T32" s="335"/>
      <c r="U32" s="335"/>
      <c r="V32" s="335"/>
      <c r="W32" s="236"/>
      <c r="X32" s="236"/>
      <c r="Y32" s="236"/>
    </row>
    <row r="33" spans="1:45" ht="66" customHeight="1">
      <c r="A33" s="405" t="s">
        <v>585</v>
      </c>
      <c r="B33" s="405"/>
      <c r="C33" s="405"/>
      <c r="D33" s="405"/>
      <c r="E33" s="405"/>
      <c r="F33" s="405"/>
      <c r="G33" s="405"/>
      <c r="H33" s="405"/>
      <c r="I33" s="405"/>
      <c r="J33" s="405"/>
      <c r="K33" s="405"/>
      <c r="L33" s="405"/>
      <c r="M33" s="405"/>
      <c r="N33" s="405"/>
      <c r="O33" s="405"/>
      <c r="P33" s="405"/>
      <c r="Q33" s="405"/>
      <c r="R33" s="405"/>
      <c r="S33" s="405"/>
      <c r="T33" s="405"/>
      <c r="U33" s="405"/>
      <c r="V33" s="405"/>
      <c r="W33" s="236"/>
      <c r="X33" s="236"/>
      <c r="Y33" s="236"/>
    </row>
    <row r="34" spans="1:45" ht="37.5" customHeight="1">
      <c r="A34" s="59"/>
      <c r="B34" s="337" t="s">
        <v>272</v>
      </c>
      <c r="C34" s="409"/>
      <c r="D34" s="409"/>
      <c r="E34" s="409"/>
      <c r="F34" s="409"/>
      <c r="G34" s="409"/>
      <c r="H34" s="409"/>
      <c r="I34" s="337" t="s">
        <v>395</v>
      </c>
      <c r="J34" s="409"/>
      <c r="K34" s="409"/>
      <c r="L34" s="409"/>
      <c r="M34" s="409"/>
      <c r="N34" s="409"/>
      <c r="O34" s="409"/>
      <c r="P34" s="290" t="s">
        <v>273</v>
      </c>
      <c r="Q34" s="290"/>
      <c r="R34" s="290"/>
      <c r="S34" s="290"/>
      <c r="T34" s="290"/>
      <c r="U34" s="290"/>
      <c r="V34" s="290"/>
      <c r="W34" s="288"/>
      <c r="X34" s="288"/>
      <c r="Y34" s="287"/>
      <c r="Z34" s="287"/>
      <c r="AA34" s="287"/>
      <c r="AB34" s="287"/>
      <c r="AC34" s="287"/>
      <c r="AD34" s="287"/>
      <c r="AE34" s="287"/>
      <c r="AF34" s="287"/>
      <c r="AG34" s="287"/>
      <c r="AH34" s="287"/>
      <c r="AI34" s="287"/>
      <c r="AJ34" s="287"/>
      <c r="AK34" s="287"/>
      <c r="AL34" s="287"/>
      <c r="AM34" s="287"/>
      <c r="AN34" s="287"/>
      <c r="AO34" s="287"/>
      <c r="AP34" s="287"/>
      <c r="AQ34" s="287"/>
      <c r="AR34" s="287"/>
      <c r="AS34" s="287"/>
    </row>
    <row r="35" spans="1:45" ht="37.5" customHeight="1">
      <c r="A35" s="32" t="s">
        <v>71</v>
      </c>
      <c r="B35" s="33" t="s">
        <v>72</v>
      </c>
      <c r="C35" s="33" t="s">
        <v>131</v>
      </c>
      <c r="D35" s="84" t="s">
        <v>322</v>
      </c>
      <c r="E35" s="33" t="s">
        <v>132</v>
      </c>
      <c r="F35" s="84" t="s">
        <v>323</v>
      </c>
      <c r="G35" s="33" t="s">
        <v>133</v>
      </c>
      <c r="H35" s="84" t="s">
        <v>324</v>
      </c>
      <c r="I35" s="33" t="s">
        <v>72</v>
      </c>
      <c r="J35" s="33" t="s">
        <v>131</v>
      </c>
      <c r="K35" s="84" t="s">
        <v>322</v>
      </c>
      <c r="L35" s="33" t="s">
        <v>132</v>
      </c>
      <c r="M35" s="84" t="s">
        <v>323</v>
      </c>
      <c r="N35" s="33" t="s">
        <v>133</v>
      </c>
      <c r="O35" s="84" t="s">
        <v>324</v>
      </c>
      <c r="P35" s="33" t="s">
        <v>72</v>
      </c>
      <c r="Q35" s="33" t="s">
        <v>131</v>
      </c>
      <c r="R35" s="84" t="s">
        <v>322</v>
      </c>
      <c r="S35" s="33" t="s">
        <v>132</v>
      </c>
      <c r="T35" s="84" t="s">
        <v>323</v>
      </c>
      <c r="U35" s="33" t="s">
        <v>133</v>
      </c>
      <c r="V35" s="84" t="s">
        <v>324</v>
      </c>
    </row>
    <row r="36" spans="1:45" ht="71.25" customHeight="1">
      <c r="A36" s="36"/>
      <c r="B36" s="37" t="s">
        <v>74</v>
      </c>
      <c r="C36" s="37" t="s">
        <v>159</v>
      </c>
      <c r="D36" s="86" t="s">
        <v>88</v>
      </c>
      <c r="E36" s="37" t="s">
        <v>160</v>
      </c>
      <c r="F36" s="86" t="s">
        <v>88</v>
      </c>
      <c r="G36" s="37" t="s">
        <v>161</v>
      </c>
      <c r="H36" s="86" t="s">
        <v>88</v>
      </c>
      <c r="I36" s="37" t="s">
        <v>74</v>
      </c>
      <c r="J36" s="37" t="s">
        <v>159</v>
      </c>
      <c r="K36" s="86" t="s">
        <v>88</v>
      </c>
      <c r="L36" s="37" t="s">
        <v>160</v>
      </c>
      <c r="M36" s="86" t="s">
        <v>88</v>
      </c>
      <c r="N36" s="37" t="s">
        <v>161</v>
      </c>
      <c r="O36" s="86" t="s">
        <v>88</v>
      </c>
      <c r="P36" s="37" t="s">
        <v>74</v>
      </c>
      <c r="Q36" s="37" t="s">
        <v>159</v>
      </c>
      <c r="R36" s="86" t="s">
        <v>88</v>
      </c>
      <c r="S36" s="37" t="s">
        <v>160</v>
      </c>
      <c r="T36" s="86" t="s">
        <v>88</v>
      </c>
      <c r="U36" s="37" t="s">
        <v>161</v>
      </c>
      <c r="V36" s="86" t="s">
        <v>88</v>
      </c>
    </row>
    <row r="37" spans="1:45">
      <c r="A37" s="40" t="s">
        <v>350</v>
      </c>
      <c r="B37" s="171">
        <v>13907</v>
      </c>
      <c r="C37" s="174">
        <v>0.19903370812084747</v>
      </c>
      <c r="D37" s="89">
        <v>6.7716139356468969E-3</v>
      </c>
      <c r="E37" s="174">
        <v>0.1808553717156379</v>
      </c>
      <c r="F37" s="89">
        <v>6.5280375946062024E-3</v>
      </c>
      <c r="G37" s="174">
        <v>0.62011092016352953</v>
      </c>
      <c r="H37" s="89">
        <v>8.2304117240146954E-3</v>
      </c>
      <c r="I37" s="171">
        <v>13846</v>
      </c>
      <c r="J37" s="174">
        <v>0.35481886527751455</v>
      </c>
      <c r="K37" s="89">
        <v>8.1313159600783225E-3</v>
      </c>
      <c r="L37" s="174">
        <v>0.17642583432258463</v>
      </c>
      <c r="M37" s="89">
        <v>6.4792972664904922E-3</v>
      </c>
      <c r="N37" s="174">
        <v>0.46875530039991631</v>
      </c>
      <c r="O37" s="89">
        <v>8.4805887091058737E-3</v>
      </c>
      <c r="P37" s="171">
        <v>13940</v>
      </c>
      <c r="Q37" s="174">
        <v>0.34225069035955757</v>
      </c>
      <c r="R37" s="89">
        <v>8.0362316068750099E-3</v>
      </c>
      <c r="S37" s="174">
        <v>0.17414298561198138</v>
      </c>
      <c r="T37" s="89">
        <v>6.4244163883877669E-3</v>
      </c>
      <c r="U37" s="174">
        <v>0.48360632402847759</v>
      </c>
      <c r="V37" s="89">
        <v>8.4639460387044112E-3</v>
      </c>
    </row>
    <row r="38" spans="1:45">
      <c r="A38" s="44" t="s">
        <v>351</v>
      </c>
      <c r="B38" s="172">
        <v>10202</v>
      </c>
      <c r="C38" s="175">
        <v>0.20167199965186186</v>
      </c>
      <c r="D38" s="92">
        <v>7.9452899268931173E-3</v>
      </c>
      <c r="E38" s="175">
        <v>0.17183980488545875</v>
      </c>
      <c r="F38" s="92">
        <v>7.4705059153115571E-3</v>
      </c>
      <c r="G38" s="175">
        <v>0.62648819546267309</v>
      </c>
      <c r="H38" s="92">
        <v>9.5768450548990268E-3</v>
      </c>
      <c r="I38" s="172">
        <v>10151</v>
      </c>
      <c r="J38" s="175">
        <v>0.32941325567448487</v>
      </c>
      <c r="K38" s="92">
        <v>9.328473434407512E-3</v>
      </c>
      <c r="L38" s="175">
        <v>0.16135661256908065</v>
      </c>
      <c r="M38" s="92">
        <v>7.3032635781698722E-3</v>
      </c>
      <c r="N38" s="175">
        <v>0.50923013175642984</v>
      </c>
      <c r="O38" s="92">
        <v>9.9216997910477299E-3</v>
      </c>
      <c r="P38" s="172">
        <v>10217</v>
      </c>
      <c r="Q38" s="175">
        <v>0.36240960918067677</v>
      </c>
      <c r="R38" s="92">
        <v>9.5097249670579257E-3</v>
      </c>
      <c r="S38" s="175">
        <v>0.15677342640096814</v>
      </c>
      <c r="T38" s="92">
        <v>7.1952029092367809E-3</v>
      </c>
      <c r="U38" s="175">
        <v>0.48081696441835076</v>
      </c>
      <c r="V38" s="92">
        <v>9.8840216912036444E-3</v>
      </c>
    </row>
    <row r="39" spans="1:45">
      <c r="A39" s="40" t="s">
        <v>352</v>
      </c>
      <c r="B39" s="171">
        <v>3705</v>
      </c>
      <c r="C39" s="174">
        <v>0.19688925262736423</v>
      </c>
      <c r="D39" s="89">
        <v>1.3066886726862605E-2</v>
      </c>
      <c r="E39" s="174">
        <v>0.18818340259793176</v>
      </c>
      <c r="F39" s="89">
        <v>1.2844550928860063E-2</v>
      </c>
      <c r="G39" s="174">
        <v>0.6149273447747049</v>
      </c>
      <c r="H39" s="89">
        <v>1.5981256857970642E-2</v>
      </c>
      <c r="I39" s="171">
        <v>3695</v>
      </c>
      <c r="J39" s="174">
        <v>0.37544231673523015</v>
      </c>
      <c r="K39" s="89">
        <v>1.5924902145224944E-2</v>
      </c>
      <c r="L39" s="174">
        <v>0.18865854072857044</v>
      </c>
      <c r="M39" s="89">
        <v>1.2874339118384516E-2</v>
      </c>
      <c r="N39" s="174">
        <v>0.4358991425362001</v>
      </c>
      <c r="O39" s="89">
        <v>1.6306736768572166E-2</v>
      </c>
      <c r="P39" s="171">
        <v>3723</v>
      </c>
      <c r="Q39" s="174">
        <v>0.32592054392210179</v>
      </c>
      <c r="R39" s="89">
        <v>1.5357692271588185E-2</v>
      </c>
      <c r="S39" s="174">
        <v>0.18821355397859629</v>
      </c>
      <c r="T39" s="89">
        <v>1.2814239585689016E-2</v>
      </c>
      <c r="U39" s="174">
        <v>0.48586590209930292</v>
      </c>
      <c r="V39" s="89">
        <v>1.6373709707401936E-2</v>
      </c>
    </row>
    <row r="40" spans="1:45">
      <c r="A40" s="44" t="s">
        <v>534</v>
      </c>
      <c r="B40" s="172">
        <v>1694</v>
      </c>
      <c r="C40" s="175">
        <v>0.19950095010446675</v>
      </c>
      <c r="D40" s="92">
        <v>1.9421871517913802E-2</v>
      </c>
      <c r="E40" s="175">
        <v>0.19821795211871598</v>
      </c>
      <c r="F40" s="92">
        <v>1.9375173300053197E-2</v>
      </c>
      <c r="G40" s="175">
        <v>0.60228109777681671</v>
      </c>
      <c r="H40" s="92">
        <v>2.3757104557359139E-2</v>
      </c>
      <c r="I40" s="172">
        <v>1690</v>
      </c>
      <c r="J40" s="175">
        <v>0.38272099091847311</v>
      </c>
      <c r="K40" s="92">
        <v>2.3621899321680535E-2</v>
      </c>
      <c r="L40" s="175">
        <v>0.16502082215613753</v>
      </c>
      <c r="M40" s="92">
        <v>1.8072283505812907E-2</v>
      </c>
      <c r="N40" s="175">
        <v>0.45225818692538877</v>
      </c>
      <c r="O40" s="92">
        <v>2.4185990783131685E-2</v>
      </c>
      <c r="P40" s="172">
        <v>1700</v>
      </c>
      <c r="Q40" s="175">
        <v>0.31700820623776538</v>
      </c>
      <c r="R40" s="92">
        <v>2.2552548451552586E-2</v>
      </c>
      <c r="S40" s="175">
        <v>0.18765281076551907</v>
      </c>
      <c r="T40" s="92">
        <v>1.8944986302048616E-2</v>
      </c>
      <c r="U40" s="175">
        <v>0.49533898299671442</v>
      </c>
      <c r="V40" s="92">
        <v>2.4224031485286287E-2</v>
      </c>
    </row>
    <row r="41" spans="1:45">
      <c r="A41" s="40" t="s">
        <v>535</v>
      </c>
      <c r="B41" s="171">
        <v>923</v>
      </c>
      <c r="C41" s="174">
        <v>0.21303770982957337</v>
      </c>
      <c r="D41" s="89">
        <v>2.6953295141426664E-2</v>
      </c>
      <c r="E41" s="174">
        <v>0.17157013868338994</v>
      </c>
      <c r="F41" s="89">
        <v>2.4845820299027509E-2</v>
      </c>
      <c r="G41" s="174">
        <v>0.61539215148703608</v>
      </c>
      <c r="H41" s="89">
        <v>3.1965415154428502E-2</v>
      </c>
      <c r="I41" s="171">
        <v>924</v>
      </c>
      <c r="J41" s="174">
        <v>0.33139180430821469</v>
      </c>
      <c r="K41" s="89">
        <v>3.0920910189390326E-2</v>
      </c>
      <c r="L41" s="174">
        <v>0.15408667748198293</v>
      </c>
      <c r="M41" s="89">
        <v>2.3796304015943813E-2</v>
      </c>
      <c r="N41" s="174">
        <v>0.51452151820980185</v>
      </c>
      <c r="O41" s="89">
        <v>3.281287984834811E-2</v>
      </c>
      <c r="P41" s="171">
        <v>929</v>
      </c>
      <c r="Q41" s="174">
        <v>0.35117712449117094</v>
      </c>
      <c r="R41" s="89">
        <v>3.1267696268481769E-2</v>
      </c>
      <c r="S41" s="174">
        <v>0.17278382272529805</v>
      </c>
      <c r="T41" s="89">
        <v>2.4833480125532374E-2</v>
      </c>
      <c r="U41" s="174">
        <v>0.47603905278353026</v>
      </c>
      <c r="V41" s="89">
        <v>3.2701238479316379E-2</v>
      </c>
    </row>
    <row r="42" spans="1:45">
      <c r="A42" s="44" t="s">
        <v>536</v>
      </c>
      <c r="B42" s="172">
        <v>197</v>
      </c>
      <c r="C42" s="175">
        <v>0.24565707543042098</v>
      </c>
      <c r="D42" s="92">
        <v>6.1143139563091566E-2</v>
      </c>
      <c r="E42" s="175">
        <v>0.15686717181744889</v>
      </c>
      <c r="F42" s="92">
        <v>5.2195462767290778E-2</v>
      </c>
      <c r="G42" s="175">
        <v>0.59747575275212983</v>
      </c>
      <c r="H42" s="92">
        <v>6.9235036249435583E-2</v>
      </c>
      <c r="I42" s="172">
        <v>196</v>
      </c>
      <c r="J42" s="175">
        <v>0.33789556036166274</v>
      </c>
      <c r="K42" s="92">
        <v>6.7046663374670454E-2</v>
      </c>
      <c r="L42" s="175">
        <v>0.15728313546108491</v>
      </c>
      <c r="M42" s="92">
        <v>5.238250906371221E-2</v>
      </c>
      <c r="N42" s="175">
        <v>0.50482130417725191</v>
      </c>
      <c r="O42" s="92">
        <v>7.0707520890920736E-2</v>
      </c>
      <c r="P42" s="172">
        <v>198</v>
      </c>
      <c r="Q42" s="175">
        <v>0.37454274157565093</v>
      </c>
      <c r="R42" s="92">
        <v>6.8198552875737908E-2</v>
      </c>
      <c r="S42" s="175">
        <v>0.18806586552074381</v>
      </c>
      <c r="T42" s="92">
        <v>5.5670978601577097E-2</v>
      </c>
      <c r="U42" s="175">
        <v>0.43739139290360485</v>
      </c>
      <c r="V42" s="92">
        <v>6.9827774889398814E-2</v>
      </c>
    </row>
    <row r="43" spans="1:45">
      <c r="A43" s="40" t="s">
        <v>537</v>
      </c>
      <c r="B43" s="171">
        <v>72</v>
      </c>
      <c r="C43" s="174">
        <v>0.22896701624506879</v>
      </c>
      <c r="D43" s="89">
        <v>9.8427143245764709E-2</v>
      </c>
      <c r="E43" s="174">
        <v>0.15597597920045631</v>
      </c>
      <c r="F43" s="89">
        <v>8.6989953292563177E-2</v>
      </c>
      <c r="G43" s="174">
        <v>0.61505700455447498</v>
      </c>
      <c r="H43" s="89">
        <v>0.11194893120048961</v>
      </c>
      <c r="I43" s="171">
        <v>73</v>
      </c>
      <c r="J43" s="174">
        <v>0.32384726095648736</v>
      </c>
      <c r="K43" s="89">
        <v>0.10741601359805433</v>
      </c>
      <c r="L43" s="174">
        <v>9.8201921808416484E-2</v>
      </c>
      <c r="M43" s="89">
        <v>7.3818239736857874E-2</v>
      </c>
      <c r="N43" s="174">
        <v>0.57795081723509623</v>
      </c>
      <c r="O43" s="89">
        <v>0.11270892968950633</v>
      </c>
      <c r="P43" s="171">
        <v>73</v>
      </c>
      <c r="Q43" s="174">
        <v>0.38252772065878671</v>
      </c>
      <c r="R43" s="89">
        <v>0.11109765505712998</v>
      </c>
      <c r="S43" s="174">
        <v>0.15449693123103472</v>
      </c>
      <c r="T43" s="89">
        <v>8.6101062753692698E-2</v>
      </c>
      <c r="U43" s="174">
        <v>0.4629753481101786</v>
      </c>
      <c r="V43" s="89">
        <v>0.11367940776990761</v>
      </c>
    </row>
    <row r="44" spans="1:45">
      <c r="A44" s="44" t="s">
        <v>546</v>
      </c>
      <c r="B44" s="172">
        <v>779</v>
      </c>
      <c r="C44" s="175">
        <v>0.19476203484489324</v>
      </c>
      <c r="D44" s="92">
        <v>2.8390569532485019E-2</v>
      </c>
      <c r="E44" s="175">
        <v>0.20922463035701863</v>
      </c>
      <c r="F44" s="92">
        <v>2.914808608420829E-2</v>
      </c>
      <c r="G44" s="175">
        <v>0.59601333479808849</v>
      </c>
      <c r="H44" s="92">
        <v>3.5078848316151504E-2</v>
      </c>
      <c r="I44" s="172">
        <v>774</v>
      </c>
      <c r="J44" s="175">
        <v>0.40463696865466531</v>
      </c>
      <c r="K44" s="92">
        <v>3.5200429751423325E-2</v>
      </c>
      <c r="L44" s="175">
        <v>0.16951940547564626</v>
      </c>
      <c r="M44" s="92">
        <v>2.701068511233766E-2</v>
      </c>
      <c r="N44" s="175">
        <v>0.42584362586968916</v>
      </c>
      <c r="O44" s="92">
        <v>3.5459324140567877E-2</v>
      </c>
      <c r="P44" s="172">
        <v>779</v>
      </c>
      <c r="Q44" s="175">
        <v>0.30335892417976634</v>
      </c>
      <c r="R44" s="92">
        <v>3.2887932360881979E-2</v>
      </c>
      <c r="S44" s="175">
        <v>0.19296106881062514</v>
      </c>
      <c r="T44" s="92">
        <v>2.8292201963639119E-2</v>
      </c>
      <c r="U44" s="175">
        <v>0.50368000700960902</v>
      </c>
      <c r="V44" s="92">
        <v>3.5736126410523081E-2</v>
      </c>
    </row>
    <row r="45" spans="1:45">
      <c r="A45" s="40" t="s">
        <v>547</v>
      </c>
      <c r="B45" s="171">
        <v>127</v>
      </c>
      <c r="C45" s="174">
        <v>0.20520087364356038</v>
      </c>
      <c r="D45" s="89">
        <v>7.1690538686647182E-2</v>
      </c>
      <c r="E45" s="174">
        <v>0.18204336662041803</v>
      </c>
      <c r="F45" s="89">
        <v>6.8791786657968756E-2</v>
      </c>
      <c r="G45" s="174">
        <v>0.61275575973602203</v>
      </c>
      <c r="H45" s="89">
        <v>8.5256810779386488E-2</v>
      </c>
      <c r="I45" s="171">
        <v>127</v>
      </c>
      <c r="J45" s="174">
        <v>0.42903652994575381</v>
      </c>
      <c r="K45" s="89">
        <v>8.6539409268143214E-2</v>
      </c>
      <c r="L45" s="174">
        <v>0.13430107787725368</v>
      </c>
      <c r="M45" s="89">
        <v>6.1608633300209908E-2</v>
      </c>
      <c r="N45" s="174">
        <v>0.43666239217699337</v>
      </c>
      <c r="O45" s="89">
        <v>8.6709058773041733E-2</v>
      </c>
      <c r="P45" s="171">
        <v>127</v>
      </c>
      <c r="Q45" s="174">
        <v>0.2386740337053683</v>
      </c>
      <c r="R45" s="89">
        <v>7.5324342320445381E-2</v>
      </c>
      <c r="S45" s="174">
        <v>0.23407861711771502</v>
      </c>
      <c r="T45" s="89">
        <v>7.4861360169293859E-2</v>
      </c>
      <c r="U45" s="174">
        <v>0.52724734917691729</v>
      </c>
      <c r="V45" s="89">
        <v>8.7248391271590009E-2</v>
      </c>
    </row>
    <row r="46" spans="1:45">
      <c r="A46" s="44" t="s">
        <v>548</v>
      </c>
      <c r="B46" s="172">
        <v>99</v>
      </c>
      <c r="C46" s="175">
        <v>0.21871103666063457</v>
      </c>
      <c r="D46" s="92">
        <v>8.2885510423271858E-2</v>
      </c>
      <c r="E46" s="175">
        <v>0.16303552269562757</v>
      </c>
      <c r="F46" s="92">
        <v>7.5067020247625571E-2</v>
      </c>
      <c r="G46" s="175">
        <v>0.61825344064373722</v>
      </c>
      <c r="H46" s="92">
        <v>9.5953297752837036E-2</v>
      </c>
      <c r="I46" s="172">
        <v>97</v>
      </c>
      <c r="J46" s="175">
        <v>0.39567986225883833</v>
      </c>
      <c r="K46" s="92">
        <v>9.7485664848125639E-2</v>
      </c>
      <c r="L46" s="175">
        <v>0.21484861000399033</v>
      </c>
      <c r="M46" s="92">
        <v>8.3251176744467303E-2</v>
      </c>
      <c r="N46" s="175">
        <v>0.38947152773717086</v>
      </c>
      <c r="O46" s="92">
        <v>9.7235437959345833E-2</v>
      </c>
      <c r="P46" s="172">
        <v>99</v>
      </c>
      <c r="Q46" s="175">
        <v>0.35753067673141437</v>
      </c>
      <c r="R46" s="92">
        <v>9.4765604684080323E-2</v>
      </c>
      <c r="S46" s="175">
        <v>0.18005339767167214</v>
      </c>
      <c r="T46" s="92">
        <v>7.7692581202913474E-2</v>
      </c>
      <c r="U46" s="175">
        <v>0.46241592559691269</v>
      </c>
      <c r="V46" s="92">
        <v>9.827542445691495E-2</v>
      </c>
    </row>
    <row r="47" spans="1:45">
      <c r="A47" s="40" t="s">
        <v>538</v>
      </c>
      <c r="B47" s="171">
        <v>123</v>
      </c>
      <c r="C47" s="174">
        <v>0.21314641565506881</v>
      </c>
      <c r="D47" s="89">
        <v>7.3776999604013835E-2</v>
      </c>
      <c r="E47" s="174">
        <v>0.22386917952513433</v>
      </c>
      <c r="F47" s="89">
        <v>7.4975937284193758E-2</v>
      </c>
      <c r="G47" s="174">
        <v>0.5629844048197975</v>
      </c>
      <c r="H47" s="89">
        <v>8.8072790479783045E-2</v>
      </c>
      <c r="I47" s="171">
        <v>124</v>
      </c>
      <c r="J47" s="174">
        <v>0.3229639051688929</v>
      </c>
      <c r="K47" s="89">
        <v>8.3026064262334609E-2</v>
      </c>
      <c r="L47" s="174">
        <v>0.16611596292718786</v>
      </c>
      <c r="M47" s="89">
        <v>6.7402706131811305E-2</v>
      </c>
      <c r="N47" s="174">
        <v>0.51092013190391994</v>
      </c>
      <c r="O47" s="89">
        <v>8.8368561884458366E-2</v>
      </c>
      <c r="P47" s="171">
        <v>125</v>
      </c>
      <c r="Q47" s="174">
        <v>0.3235968435319978</v>
      </c>
      <c r="R47" s="89">
        <v>8.2740241697508987E-2</v>
      </c>
      <c r="S47" s="174">
        <v>0.21569607803677215</v>
      </c>
      <c r="T47" s="89">
        <v>7.3475450417815683E-2</v>
      </c>
      <c r="U47" s="174">
        <v>0.46070707843123082</v>
      </c>
      <c r="V47" s="89">
        <v>8.7789446784612354E-2</v>
      </c>
    </row>
    <row r="48" spans="1:45">
      <c r="A48" s="44" t="s">
        <v>539</v>
      </c>
      <c r="B48" s="172">
        <v>94</v>
      </c>
      <c r="C48" s="175">
        <v>0.23172701529470241</v>
      </c>
      <c r="D48" s="92">
        <v>8.6610749959441666E-2</v>
      </c>
      <c r="E48" s="175">
        <v>0.22118244600473136</v>
      </c>
      <c r="F48" s="92">
        <v>8.5350972790509877E-2</v>
      </c>
      <c r="G48" s="175">
        <v>0.54709053870056557</v>
      </c>
      <c r="H48" s="92">
        <v>0.10060222920912103</v>
      </c>
      <c r="I48" s="172">
        <v>95</v>
      </c>
      <c r="J48" s="175">
        <v>0.33052915425842955</v>
      </c>
      <c r="K48" s="92">
        <v>9.5039297478571469E-2</v>
      </c>
      <c r="L48" s="175">
        <v>0.18339849494398802</v>
      </c>
      <c r="M48" s="92">
        <v>7.9822979017681331E-2</v>
      </c>
      <c r="N48" s="175">
        <v>0.48607235079758204</v>
      </c>
      <c r="O48" s="92">
        <v>0.10046787094308508</v>
      </c>
      <c r="P48" s="172">
        <v>96</v>
      </c>
      <c r="Q48" s="175">
        <v>0.34865392056350653</v>
      </c>
      <c r="R48" s="92">
        <v>9.5684934254635742E-2</v>
      </c>
      <c r="S48" s="175">
        <v>0.21876259804489004</v>
      </c>
      <c r="T48" s="92">
        <v>8.4168053483540464E-2</v>
      </c>
      <c r="U48" s="175">
        <v>0.43258348139160285</v>
      </c>
      <c r="V48" s="92">
        <v>9.9158729317807559E-2</v>
      </c>
    </row>
    <row r="49" spans="1:22">
      <c r="A49" s="40" t="s">
        <v>540</v>
      </c>
      <c r="B49" s="171">
        <v>261</v>
      </c>
      <c r="C49" s="174">
        <v>0.18334015536882717</v>
      </c>
      <c r="D49" s="89">
        <v>4.8014277722650003E-2</v>
      </c>
      <c r="E49" s="174">
        <v>0.19066884247444921</v>
      </c>
      <c r="F49" s="89">
        <v>4.8708770415536541E-2</v>
      </c>
      <c r="G49" s="174">
        <v>0.6259910021567221</v>
      </c>
      <c r="H49" s="89">
        <v>5.950764754929614E-2</v>
      </c>
      <c r="I49" s="171">
        <v>263</v>
      </c>
      <c r="J49" s="174">
        <v>0.31885463010768111</v>
      </c>
      <c r="K49" s="89">
        <v>5.7169459736107014E-2</v>
      </c>
      <c r="L49" s="174">
        <v>0.12845753775011148</v>
      </c>
      <c r="M49" s="89">
        <v>4.1698284977551868E-2</v>
      </c>
      <c r="N49" s="174">
        <v>0.55268783214220629</v>
      </c>
      <c r="O49" s="89">
        <v>6.0868439890366097E-2</v>
      </c>
      <c r="P49" s="171">
        <v>263</v>
      </c>
      <c r="Q49" s="174">
        <v>0.32821797908011924</v>
      </c>
      <c r="R49" s="89">
        <v>5.758803467460142E-2</v>
      </c>
      <c r="S49" s="174">
        <v>0.14824801729091086</v>
      </c>
      <c r="T49" s="89">
        <v>4.4122747181541341E-2</v>
      </c>
      <c r="U49" s="174">
        <v>0.52353400362896874</v>
      </c>
      <c r="V49" s="89">
        <v>6.1133196643899074E-2</v>
      </c>
    </row>
    <row r="50" spans="1:22" ht="25.5">
      <c r="A50" s="44" t="s">
        <v>541</v>
      </c>
      <c r="B50" s="172">
        <v>114</v>
      </c>
      <c r="C50" s="175">
        <v>0.16135447044336756</v>
      </c>
      <c r="D50" s="92">
        <v>6.9614530751074738E-2</v>
      </c>
      <c r="E50" s="175">
        <v>0.17865073949042792</v>
      </c>
      <c r="F50" s="92">
        <v>7.2162019109285172E-2</v>
      </c>
      <c r="G50" s="175">
        <v>0.65999479006620532</v>
      </c>
      <c r="H50" s="92">
        <v>8.7548094758281916E-2</v>
      </c>
      <c r="I50" s="172">
        <v>114</v>
      </c>
      <c r="J50" s="175">
        <v>0.25486781691275312</v>
      </c>
      <c r="K50" s="92">
        <v>8.1076454358053093E-2</v>
      </c>
      <c r="L50" s="175">
        <v>0.12805657108372134</v>
      </c>
      <c r="M50" s="92">
        <v>6.4012242077748624E-2</v>
      </c>
      <c r="N50" s="175">
        <v>0.61707561200352634</v>
      </c>
      <c r="O50" s="92">
        <v>8.9671116317388097E-2</v>
      </c>
      <c r="P50" s="172">
        <v>114</v>
      </c>
      <c r="Q50" s="175">
        <v>0.29571030840761892</v>
      </c>
      <c r="R50" s="92">
        <v>8.4582165014630575E-2</v>
      </c>
      <c r="S50" s="175">
        <v>0.13934623228288992</v>
      </c>
      <c r="T50" s="92">
        <v>6.6024591748152853E-2</v>
      </c>
      <c r="U50" s="175">
        <v>0.56494345930949219</v>
      </c>
      <c r="V50" s="92">
        <v>9.1329807111768968E-2</v>
      </c>
    </row>
    <row r="51" spans="1:22" ht="25.5">
      <c r="A51" s="52" t="s">
        <v>549</v>
      </c>
      <c r="B51" s="171">
        <v>67</v>
      </c>
      <c r="C51" s="174">
        <v>0.26160820953602476</v>
      </c>
      <c r="D51" s="89">
        <v>0.10598762306796834</v>
      </c>
      <c r="E51" s="174">
        <v>0.20247770303045506</v>
      </c>
      <c r="F51" s="89">
        <v>9.8201733818430795E-2</v>
      </c>
      <c r="G51" s="174">
        <v>0.53591408743352031</v>
      </c>
      <c r="H51" s="89">
        <v>0.11840522839711136</v>
      </c>
      <c r="I51" s="171">
        <v>68</v>
      </c>
      <c r="J51" s="174">
        <v>0.36196466118175891</v>
      </c>
      <c r="K51" s="89">
        <v>0.11377475828602512</v>
      </c>
      <c r="L51" s="174">
        <v>8.6711974391267668E-2</v>
      </c>
      <c r="M51" s="89">
        <v>7.3652479966197448E-2</v>
      </c>
      <c r="N51" s="174">
        <v>0.55132336442697383</v>
      </c>
      <c r="O51" s="89">
        <v>0.11729603071303503</v>
      </c>
      <c r="P51" s="171">
        <v>68</v>
      </c>
      <c r="Q51" s="174">
        <v>0.36055272345593187</v>
      </c>
      <c r="R51" s="89">
        <v>0.1136894053107327</v>
      </c>
      <c r="S51" s="174">
        <v>0.18914880689986224</v>
      </c>
      <c r="T51" s="89">
        <v>9.5396772533170693E-2</v>
      </c>
      <c r="U51" s="174">
        <v>0.45029846964420622</v>
      </c>
      <c r="V51" s="89">
        <v>0.11733063562780684</v>
      </c>
    </row>
    <row r="52" spans="1:22">
      <c r="A52" s="44" t="s">
        <v>543</v>
      </c>
      <c r="B52" s="172">
        <v>80</v>
      </c>
      <c r="C52" s="175">
        <v>0.16296968635020284</v>
      </c>
      <c r="D52" s="92">
        <v>8.3657759849981222E-2</v>
      </c>
      <c r="E52" s="175">
        <v>0.19955542388942601</v>
      </c>
      <c r="F52" s="92">
        <v>8.9476046670566731E-2</v>
      </c>
      <c r="G52" s="175">
        <v>0.63747488976037081</v>
      </c>
      <c r="H52" s="92">
        <v>0.10530177420747344</v>
      </c>
      <c r="I52" s="172">
        <v>81</v>
      </c>
      <c r="J52" s="175">
        <v>0.37766957894809572</v>
      </c>
      <c r="K52" s="92">
        <v>0.10547608004297901</v>
      </c>
      <c r="L52" s="175">
        <v>0.15637869974629942</v>
      </c>
      <c r="M52" s="92">
        <v>8.1968693357039268E-2</v>
      </c>
      <c r="N52" s="175">
        <v>0.46595172130560442</v>
      </c>
      <c r="O52" s="92">
        <v>0.10823661588675286</v>
      </c>
      <c r="P52" s="172">
        <v>81</v>
      </c>
      <c r="Q52" s="175">
        <v>0.35125634643874798</v>
      </c>
      <c r="R52" s="92">
        <v>0.10401553096925704</v>
      </c>
      <c r="S52" s="175">
        <v>0.13354174947779249</v>
      </c>
      <c r="T52" s="92">
        <v>7.7626608964627419E-2</v>
      </c>
      <c r="U52" s="175">
        <v>0.51520190408345901</v>
      </c>
      <c r="V52" s="92">
        <v>0.10841969448350559</v>
      </c>
    </row>
    <row r="53" spans="1:22">
      <c r="A53" s="52" t="s">
        <v>544</v>
      </c>
      <c r="B53" s="171">
        <v>113</v>
      </c>
      <c r="C53" s="174">
        <v>0.16245534188402991</v>
      </c>
      <c r="D53" s="89">
        <v>7.0096625683148603E-2</v>
      </c>
      <c r="E53" s="174">
        <v>0.15766722538345632</v>
      </c>
      <c r="F53" s="89">
        <v>6.9352168259311966E-2</v>
      </c>
      <c r="G53" s="174">
        <v>0.67987743273251355</v>
      </c>
      <c r="H53" s="89">
        <v>8.6690067753725494E-2</v>
      </c>
      <c r="I53" s="171">
        <v>113</v>
      </c>
      <c r="J53" s="174">
        <v>0.28943616801405897</v>
      </c>
      <c r="K53" s="89">
        <v>8.4457575232563073E-2</v>
      </c>
      <c r="L53" s="174">
        <v>0.15167560895843768</v>
      </c>
      <c r="M53" s="89">
        <v>6.839412327326265E-2</v>
      </c>
      <c r="N53" s="174">
        <v>0.55888822302750329</v>
      </c>
      <c r="O53" s="89">
        <v>9.1849978018196332E-2</v>
      </c>
      <c r="P53" s="171">
        <v>113</v>
      </c>
      <c r="Q53" s="174">
        <v>0.37250506920002024</v>
      </c>
      <c r="R53" s="89">
        <v>8.9602635330393851E-2</v>
      </c>
      <c r="S53" s="174">
        <v>0.16941039804149541</v>
      </c>
      <c r="T53" s="89">
        <v>7.1145826036640353E-2</v>
      </c>
      <c r="U53" s="174">
        <v>0.45808453275848426</v>
      </c>
      <c r="V53" s="89">
        <v>9.2146514780727912E-2</v>
      </c>
    </row>
    <row r="54" spans="1:22">
      <c r="A54" s="44" t="s">
        <v>545</v>
      </c>
      <c r="B54" s="172">
        <v>122</v>
      </c>
      <c r="C54" s="175">
        <v>0.22338209384576607</v>
      </c>
      <c r="D54" s="92">
        <v>7.5227416206450876E-2</v>
      </c>
      <c r="E54" s="175">
        <v>0.16223638495690945</v>
      </c>
      <c r="F54" s="92">
        <v>6.7387580715249543E-2</v>
      </c>
      <c r="G54" s="175">
        <v>0.61438152119732492</v>
      </c>
      <c r="H54" s="92">
        <v>8.6874176001563705E-2</v>
      </c>
      <c r="I54" s="172">
        <v>123</v>
      </c>
      <c r="J54" s="175">
        <v>0.32584515054294505</v>
      </c>
      <c r="K54" s="92">
        <v>8.3534244322252524E-2</v>
      </c>
      <c r="L54" s="175">
        <v>0.11274571233087538</v>
      </c>
      <c r="M54" s="92">
        <v>5.8681583059283546E-2</v>
      </c>
      <c r="N54" s="175">
        <v>0.56140913712618001</v>
      </c>
      <c r="O54" s="92">
        <v>8.8105649793661089E-2</v>
      </c>
      <c r="P54" s="172">
        <v>123</v>
      </c>
      <c r="Q54" s="175">
        <v>0.31502473459893776</v>
      </c>
      <c r="R54" s="92">
        <v>8.2844230656295301E-2</v>
      </c>
      <c r="S54" s="175">
        <v>0.14742921423638164</v>
      </c>
      <c r="T54" s="92">
        <v>6.4819759380809236E-2</v>
      </c>
      <c r="U54" s="175">
        <v>0.53754605116468113</v>
      </c>
      <c r="V54" s="92">
        <v>8.8500668797000109E-2</v>
      </c>
    </row>
    <row r="61" spans="1:22" ht="18.75">
      <c r="A61" s="335" t="s">
        <v>233</v>
      </c>
      <c r="B61" s="335"/>
      <c r="C61" s="335"/>
      <c r="D61" s="335"/>
    </row>
    <row r="62" spans="1:22" ht="112.5" customHeight="1">
      <c r="A62" s="389" t="s">
        <v>396</v>
      </c>
      <c r="B62" s="389"/>
      <c r="C62" s="389"/>
      <c r="D62" s="389"/>
    </row>
    <row r="63" spans="1:22" ht="39" customHeight="1">
      <c r="A63" s="402" t="s">
        <v>234</v>
      </c>
      <c r="B63" s="402"/>
      <c r="C63" s="402"/>
      <c r="D63" s="402"/>
    </row>
    <row r="64" spans="1:22" ht="39" customHeight="1">
      <c r="A64" s="32" t="s">
        <v>71</v>
      </c>
      <c r="B64" s="33" t="s">
        <v>72</v>
      </c>
      <c r="C64" s="34" t="s">
        <v>583</v>
      </c>
      <c r="D64" s="35" t="s">
        <v>73</v>
      </c>
    </row>
    <row r="65" spans="1:4" ht="72">
      <c r="A65" s="36"/>
      <c r="B65" s="37" t="s">
        <v>74</v>
      </c>
      <c r="C65" s="121" t="s">
        <v>134</v>
      </c>
      <c r="D65" s="39" t="s">
        <v>76</v>
      </c>
    </row>
    <row r="66" spans="1:4">
      <c r="A66" s="40" t="s">
        <v>350</v>
      </c>
      <c r="B66" s="176">
        <v>13917</v>
      </c>
      <c r="C66" s="79">
        <v>3.2074450421480307</v>
      </c>
      <c r="D66" s="80">
        <v>2.489005461921338E-2</v>
      </c>
    </row>
    <row r="67" spans="1:4">
      <c r="A67" s="44" t="s">
        <v>351</v>
      </c>
      <c r="B67" s="44">
        <v>10206</v>
      </c>
      <c r="C67" s="179">
        <v>3.3536985486791351</v>
      </c>
      <c r="D67" s="180">
        <v>2.8654610158544529E-2</v>
      </c>
    </row>
    <row r="68" spans="1:4">
      <c r="A68" s="40" t="s">
        <v>352</v>
      </c>
      <c r="B68" s="48">
        <v>3711</v>
      </c>
      <c r="C68" s="79">
        <v>3.0887609169298753</v>
      </c>
      <c r="D68" s="80">
        <v>4.8343121708030068E-2</v>
      </c>
    </row>
    <row r="69" spans="1:4">
      <c r="A69" s="44" t="s">
        <v>534</v>
      </c>
      <c r="B69" s="44">
        <v>1698</v>
      </c>
      <c r="C69" s="179">
        <v>3.02343704011298</v>
      </c>
      <c r="D69" s="180">
        <v>7.2697904186683426E-2</v>
      </c>
    </row>
    <row r="70" spans="1:4">
      <c r="A70" s="40" t="s">
        <v>535</v>
      </c>
      <c r="B70" s="48">
        <v>926</v>
      </c>
      <c r="C70" s="79">
        <v>3.4461342668492274</v>
      </c>
      <c r="D70" s="80">
        <v>9.7952523937002156E-2</v>
      </c>
    </row>
    <row r="71" spans="1:4">
      <c r="A71" s="44" t="s">
        <v>536</v>
      </c>
      <c r="B71" s="44">
        <v>198</v>
      </c>
      <c r="C71" s="179">
        <v>3.3139813063690386</v>
      </c>
      <c r="D71" s="180">
        <v>0.20807968552207662</v>
      </c>
    </row>
    <row r="72" spans="1:4">
      <c r="A72" s="40" t="s">
        <v>537</v>
      </c>
      <c r="B72" s="48">
        <v>73</v>
      </c>
      <c r="C72" s="79">
        <v>3.48340918866952</v>
      </c>
      <c r="D72" s="80">
        <v>0.36434841882390473</v>
      </c>
    </row>
    <row r="73" spans="1:4">
      <c r="A73" s="44" t="s">
        <v>546</v>
      </c>
      <c r="B73" s="44">
        <v>780</v>
      </c>
      <c r="C73" s="179">
        <v>2.8444122815803845</v>
      </c>
      <c r="D73" s="180">
        <v>0.10232304873574839</v>
      </c>
    </row>
    <row r="74" spans="1:4">
      <c r="A74" s="40" t="s">
        <v>547</v>
      </c>
      <c r="B74" s="48">
        <v>127</v>
      </c>
      <c r="C74" s="79">
        <v>2.9481711778199919</v>
      </c>
      <c r="D74" s="80">
        <v>0.2823721077250741</v>
      </c>
    </row>
    <row r="75" spans="1:4">
      <c r="A75" s="44" t="s">
        <v>548</v>
      </c>
      <c r="B75" s="44">
        <v>98</v>
      </c>
      <c r="C75" s="179">
        <v>3.1178769407618541</v>
      </c>
      <c r="D75" s="180">
        <v>0.25848908950456317</v>
      </c>
    </row>
    <row r="76" spans="1:4">
      <c r="A76" s="40" t="s">
        <v>538</v>
      </c>
      <c r="B76" s="176">
        <v>125</v>
      </c>
      <c r="C76" s="79">
        <v>3.567793930296276</v>
      </c>
      <c r="D76" s="80">
        <v>0.26750958838273914</v>
      </c>
    </row>
    <row r="77" spans="1:4">
      <c r="A77" s="44" t="s">
        <v>539</v>
      </c>
      <c r="B77" s="178">
        <v>96</v>
      </c>
      <c r="C77" s="179">
        <v>3.5142167924332059</v>
      </c>
      <c r="D77" s="180">
        <v>0.30101310283220756</v>
      </c>
    </row>
    <row r="78" spans="1:4">
      <c r="A78" s="40" t="s">
        <v>540</v>
      </c>
      <c r="B78" s="78">
        <v>261</v>
      </c>
      <c r="C78" s="79">
        <v>3.4215959986604356</v>
      </c>
      <c r="D78" s="80">
        <v>0.18875813102639741</v>
      </c>
    </row>
    <row r="79" spans="1:4" ht="25.5">
      <c r="A79" s="44" t="s">
        <v>541</v>
      </c>
      <c r="B79" s="178">
        <v>113</v>
      </c>
      <c r="C79" s="179">
        <v>3.5445808597703694</v>
      </c>
      <c r="D79" s="180">
        <v>0.28393208889599969</v>
      </c>
    </row>
    <row r="80" spans="1:4" ht="25.5">
      <c r="A80" s="52" t="s">
        <v>549</v>
      </c>
      <c r="B80" s="176">
        <v>67</v>
      </c>
      <c r="C80" s="79">
        <v>3.2752774917072927</v>
      </c>
      <c r="D80" s="80">
        <v>0.33727652586265333</v>
      </c>
    </row>
    <row r="81" spans="1:30">
      <c r="A81" s="44" t="s">
        <v>543</v>
      </c>
      <c r="B81" s="178">
        <v>81</v>
      </c>
      <c r="C81" s="179">
        <v>3.3479803494259532</v>
      </c>
      <c r="D81" s="180">
        <v>0.3676998629531103</v>
      </c>
    </row>
    <row r="82" spans="1:30">
      <c r="A82" s="52" t="s">
        <v>544</v>
      </c>
      <c r="B82" s="176">
        <v>113</v>
      </c>
      <c r="C82" s="79">
        <v>3.7455773976347126</v>
      </c>
      <c r="D82" s="80">
        <v>0.28970048901361134</v>
      </c>
    </row>
    <row r="83" spans="1:30">
      <c r="A83" s="44" t="s">
        <v>545</v>
      </c>
      <c r="B83" s="178">
        <v>123</v>
      </c>
      <c r="C83" s="179">
        <v>3.554732561008811</v>
      </c>
      <c r="D83" s="180">
        <v>0.2790441745146362</v>
      </c>
    </row>
    <row r="84" spans="1:30">
      <c r="P84" s="240"/>
      <c r="Q84" s="240"/>
      <c r="R84" s="240"/>
      <c r="S84" s="240"/>
      <c r="T84" s="240"/>
      <c r="U84" s="240"/>
      <c r="V84" s="240"/>
      <c r="W84" s="240"/>
      <c r="X84" s="240"/>
      <c r="Y84" s="240"/>
      <c r="Z84" s="240"/>
      <c r="AA84" s="240"/>
      <c r="AB84" s="240"/>
      <c r="AC84" s="240"/>
      <c r="AD84" s="240"/>
    </row>
    <row r="85" spans="1:30">
      <c r="P85" s="240"/>
      <c r="Q85" s="240"/>
      <c r="R85" s="240"/>
      <c r="S85" s="240"/>
      <c r="T85" s="240"/>
      <c r="U85" s="240"/>
      <c r="V85" s="240"/>
      <c r="W85" s="240"/>
      <c r="X85" s="240"/>
      <c r="Y85" s="240"/>
      <c r="Z85" s="240"/>
      <c r="AA85" s="240"/>
      <c r="AB85" s="240"/>
      <c r="AC85" s="240"/>
      <c r="AD85" s="240"/>
    </row>
    <row r="86" spans="1:30">
      <c r="P86" s="240"/>
      <c r="Q86" s="240"/>
      <c r="R86" s="240"/>
      <c r="S86" s="240"/>
      <c r="T86" s="240"/>
      <c r="U86" s="240"/>
      <c r="V86" s="240"/>
      <c r="W86" s="240"/>
      <c r="X86" s="240"/>
      <c r="Y86" s="240"/>
      <c r="Z86" s="240"/>
      <c r="AA86" s="240"/>
      <c r="AB86" s="240"/>
      <c r="AC86" s="240"/>
      <c r="AD86" s="240"/>
    </row>
    <row r="87" spans="1:30">
      <c r="P87" s="240"/>
      <c r="Q87" s="240"/>
      <c r="R87" s="240"/>
      <c r="S87" s="240"/>
      <c r="T87" s="240"/>
      <c r="U87" s="240"/>
      <c r="V87" s="240"/>
      <c r="W87" s="240"/>
      <c r="X87" s="240"/>
      <c r="Y87" s="240"/>
      <c r="Z87" s="240"/>
      <c r="AA87" s="240"/>
      <c r="AB87" s="240"/>
      <c r="AC87" s="240"/>
      <c r="AD87" s="240"/>
    </row>
    <row r="88" spans="1:30">
      <c r="P88" s="240"/>
      <c r="Q88" s="240"/>
      <c r="R88" s="240"/>
      <c r="S88" s="240"/>
      <c r="T88" s="240"/>
      <c r="U88" s="240"/>
      <c r="V88" s="240"/>
      <c r="W88" s="240"/>
      <c r="X88" s="240"/>
      <c r="Y88" s="240"/>
      <c r="Z88" s="240"/>
      <c r="AA88" s="240"/>
      <c r="AB88" s="240"/>
      <c r="AC88" s="240"/>
      <c r="AD88" s="240"/>
    </row>
    <row r="89" spans="1:30">
      <c r="P89" s="240"/>
      <c r="Q89" s="240"/>
      <c r="R89" s="240"/>
      <c r="S89" s="240"/>
      <c r="T89" s="240"/>
      <c r="U89" s="240"/>
      <c r="V89" s="240"/>
      <c r="W89" s="240"/>
      <c r="X89" s="240"/>
      <c r="Y89" s="240"/>
      <c r="Z89" s="240"/>
      <c r="AA89" s="240"/>
      <c r="AB89" s="240"/>
      <c r="AC89" s="240"/>
      <c r="AD89" s="240"/>
    </row>
    <row r="90" spans="1:30" ht="18.75">
      <c r="A90" s="335" t="s">
        <v>46</v>
      </c>
      <c r="B90" s="335"/>
      <c r="C90" s="335"/>
      <c r="D90" s="335"/>
      <c r="E90" s="335"/>
      <c r="F90" s="335"/>
      <c r="G90" s="335"/>
      <c r="H90" s="335"/>
      <c r="I90" s="335"/>
      <c r="J90" s="335"/>
      <c r="K90" s="335"/>
      <c r="L90" s="335"/>
      <c r="M90" s="335"/>
      <c r="N90" s="335"/>
      <c r="O90" s="335"/>
      <c r="P90" s="335"/>
      <c r="Q90" s="335"/>
      <c r="R90" s="335"/>
      <c r="S90" s="335"/>
      <c r="T90" s="335"/>
      <c r="U90" s="335"/>
      <c r="V90" s="335"/>
      <c r="W90" s="222"/>
      <c r="X90" s="222"/>
      <c r="Y90" s="222"/>
      <c r="Z90" s="222"/>
      <c r="AA90" s="222"/>
      <c r="AB90" s="222"/>
      <c r="AC90" s="222"/>
      <c r="AD90" s="240"/>
    </row>
    <row r="91" spans="1:30" ht="38.25" customHeight="1">
      <c r="A91" s="405" t="s">
        <v>586</v>
      </c>
      <c r="B91" s="405"/>
      <c r="C91" s="405"/>
      <c r="D91" s="405"/>
      <c r="E91" s="405"/>
      <c r="F91" s="405"/>
      <c r="G91" s="405"/>
      <c r="H91" s="405"/>
      <c r="I91" s="405"/>
      <c r="J91" s="405"/>
      <c r="K91" s="405"/>
      <c r="L91" s="405"/>
      <c r="M91" s="405"/>
      <c r="N91" s="405"/>
      <c r="O91" s="405"/>
      <c r="P91" s="405"/>
      <c r="Q91" s="405"/>
      <c r="R91" s="405"/>
      <c r="S91" s="405"/>
      <c r="T91" s="405"/>
      <c r="U91" s="405"/>
      <c r="V91" s="405"/>
      <c r="W91" s="237"/>
      <c r="X91" s="237"/>
      <c r="Y91" s="237"/>
      <c r="Z91" s="237"/>
      <c r="AA91" s="237"/>
      <c r="AB91" s="237"/>
      <c r="AC91" s="237"/>
      <c r="AD91" s="240"/>
    </row>
    <row r="92" spans="1:30" ht="38.25" customHeight="1">
      <c r="A92" s="59"/>
      <c r="B92" s="337" t="s">
        <v>397</v>
      </c>
      <c r="C92" s="337"/>
      <c r="D92" s="337"/>
      <c r="E92" s="337"/>
      <c r="F92" s="337"/>
      <c r="G92" s="337"/>
      <c r="H92" s="337"/>
      <c r="I92" s="337" t="s">
        <v>217</v>
      </c>
      <c r="J92" s="337"/>
      <c r="K92" s="337"/>
      <c r="L92" s="337"/>
      <c r="M92" s="337"/>
      <c r="N92" s="337"/>
      <c r="O92" s="337"/>
      <c r="P92" s="390" t="s">
        <v>218</v>
      </c>
      <c r="Q92" s="391"/>
      <c r="R92" s="391"/>
      <c r="S92" s="391"/>
      <c r="T92" s="391"/>
      <c r="U92" s="391"/>
      <c r="V92" s="392"/>
    </row>
    <row r="93" spans="1:30" ht="72">
      <c r="A93" s="32" t="s">
        <v>71</v>
      </c>
      <c r="B93" s="33" t="s">
        <v>72</v>
      </c>
      <c r="C93" s="33" t="s">
        <v>180</v>
      </c>
      <c r="D93" s="84" t="s">
        <v>135</v>
      </c>
      <c r="E93" s="33" t="s">
        <v>181</v>
      </c>
      <c r="F93" s="84" t="s">
        <v>136</v>
      </c>
      <c r="G93" s="33" t="s">
        <v>182</v>
      </c>
      <c r="H93" s="84" t="s">
        <v>137</v>
      </c>
      <c r="I93" s="60" t="s">
        <v>72</v>
      </c>
      <c r="J93" s="60" t="s">
        <v>180</v>
      </c>
      <c r="K93" s="83" t="s">
        <v>135</v>
      </c>
      <c r="L93" s="60" t="s">
        <v>181</v>
      </c>
      <c r="M93" s="83" t="s">
        <v>136</v>
      </c>
      <c r="N93" s="60" t="s">
        <v>182</v>
      </c>
      <c r="O93" s="83" t="s">
        <v>137</v>
      </c>
      <c r="P93" s="33" t="s">
        <v>72</v>
      </c>
      <c r="Q93" s="33" t="s">
        <v>180</v>
      </c>
      <c r="R93" s="84" t="s">
        <v>135</v>
      </c>
      <c r="S93" s="33" t="s">
        <v>181</v>
      </c>
      <c r="T93" s="84" t="s">
        <v>136</v>
      </c>
      <c r="U93" s="33" t="s">
        <v>182</v>
      </c>
      <c r="V93" s="84" t="s">
        <v>137</v>
      </c>
    </row>
    <row r="94" spans="1:30"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30">
      <c r="A95" s="40" t="s">
        <v>350</v>
      </c>
      <c r="B95" s="176">
        <v>13864</v>
      </c>
      <c r="C95" s="181">
        <v>0.36941685225473447</v>
      </c>
      <c r="D95" s="89">
        <v>8.1971291735852322E-3</v>
      </c>
      <c r="E95" s="181">
        <v>0.18191280805711105</v>
      </c>
      <c r="F95" s="89">
        <v>6.5529921928604217E-3</v>
      </c>
      <c r="G95" s="181">
        <v>0.4486703396881711</v>
      </c>
      <c r="H95" s="89">
        <v>8.4468303567892446E-3</v>
      </c>
      <c r="I95" s="176">
        <v>13874</v>
      </c>
      <c r="J95" s="181">
        <v>0.68703414810968599</v>
      </c>
      <c r="K95" s="89">
        <v>7.8727154349536518E-3</v>
      </c>
      <c r="L95" s="181">
        <v>0.10693583474896291</v>
      </c>
      <c r="M95" s="89">
        <v>5.2489435293593826E-3</v>
      </c>
      <c r="N95" s="181">
        <v>0.20603001714136485</v>
      </c>
      <c r="O95" s="89">
        <v>6.8675203366448962E-3</v>
      </c>
      <c r="P95" s="176">
        <v>13801</v>
      </c>
      <c r="Q95" s="181">
        <v>0.63243341264434283</v>
      </c>
      <c r="R95" s="89">
        <v>8.2072317890079828E-3</v>
      </c>
      <c r="S95" s="181">
        <v>0.11159186567701865</v>
      </c>
      <c r="T95" s="89">
        <v>5.3619862697563397E-3</v>
      </c>
      <c r="U95" s="181">
        <v>0.25597472167865454</v>
      </c>
      <c r="V95" s="89">
        <v>7.429224998737969E-3</v>
      </c>
    </row>
    <row r="96" spans="1:30">
      <c r="A96" s="44" t="s">
        <v>351</v>
      </c>
      <c r="B96" s="178">
        <v>10169</v>
      </c>
      <c r="C96" s="182">
        <v>0.29921799622467765</v>
      </c>
      <c r="D96" s="92">
        <v>9.0807897432153995E-3</v>
      </c>
      <c r="E96" s="182">
        <v>0.17364389363614335</v>
      </c>
      <c r="F96" s="92">
        <v>7.513556227539942E-3</v>
      </c>
      <c r="G96" s="182">
        <v>0.52713811013917389</v>
      </c>
      <c r="H96" s="92">
        <v>9.9000033665326351E-3</v>
      </c>
      <c r="I96" s="178">
        <v>10178</v>
      </c>
      <c r="J96" s="182">
        <v>0.67399356076051931</v>
      </c>
      <c r="K96" s="92">
        <v>9.2913305987163321E-3</v>
      </c>
      <c r="L96" s="182">
        <v>9.8012257373976036E-2</v>
      </c>
      <c r="M96" s="92">
        <v>5.8974672176965066E-3</v>
      </c>
      <c r="N96" s="182">
        <v>0.22799418186549908</v>
      </c>
      <c r="O96" s="92">
        <v>8.3168201397571546E-3</v>
      </c>
      <c r="P96" s="178">
        <v>10110</v>
      </c>
      <c r="Q96" s="182">
        <v>0.64785030239475649</v>
      </c>
      <c r="R96" s="92">
        <v>9.4991767243926203E-3</v>
      </c>
      <c r="S96" s="182">
        <v>9.3200115458179425E-2</v>
      </c>
      <c r="T96" s="92">
        <v>5.7858673099878671E-3</v>
      </c>
      <c r="U96" s="182">
        <v>0.25894958214705782</v>
      </c>
      <c r="V96" s="92">
        <v>8.7126847142486377E-3</v>
      </c>
    </row>
    <row r="97" spans="1:22">
      <c r="A97" s="40" t="s">
        <v>352</v>
      </c>
      <c r="B97" s="176">
        <v>3695</v>
      </c>
      <c r="C97" s="181">
        <v>0.4264237590466618</v>
      </c>
      <c r="D97" s="89">
        <v>1.6263517916383152E-2</v>
      </c>
      <c r="E97" s="181">
        <v>0.18862780685231045</v>
      </c>
      <c r="F97" s="89">
        <v>1.2873537070686917E-2</v>
      </c>
      <c r="G97" s="181">
        <v>0.38494843410102897</v>
      </c>
      <c r="H97" s="89">
        <v>1.6001883833632921E-2</v>
      </c>
      <c r="I97" s="176">
        <v>3696</v>
      </c>
      <c r="J97" s="181">
        <v>0.69762716992267959</v>
      </c>
      <c r="K97" s="89">
        <v>1.5104246853814672E-2</v>
      </c>
      <c r="L97" s="181">
        <v>0.11418456114849343</v>
      </c>
      <c r="M97" s="89">
        <v>1.0473550661158119E-2</v>
      </c>
      <c r="N97" s="181">
        <v>0.18818826892882773</v>
      </c>
      <c r="O97" s="89">
        <v>1.2860311892058386E-2</v>
      </c>
      <c r="P97" s="176">
        <v>3691</v>
      </c>
      <c r="Q97" s="181">
        <v>0.61996938191198347</v>
      </c>
      <c r="R97" s="89">
        <v>1.5971506831509177E-2</v>
      </c>
      <c r="S97" s="181">
        <v>0.12646096986470978</v>
      </c>
      <c r="T97" s="89">
        <v>1.0950523604734065E-2</v>
      </c>
      <c r="U97" s="181">
        <v>0.25356964822330663</v>
      </c>
      <c r="V97" s="89">
        <v>1.4319134386208946E-2</v>
      </c>
    </row>
    <row r="98" spans="1:22">
      <c r="A98" s="44" t="s">
        <v>534</v>
      </c>
      <c r="B98" s="178">
        <v>1691</v>
      </c>
      <c r="C98" s="182">
        <v>0.44059019172004932</v>
      </c>
      <c r="D98" s="92">
        <v>2.4118053486015884E-2</v>
      </c>
      <c r="E98" s="182">
        <v>0.17783940420813024</v>
      </c>
      <c r="F98" s="92">
        <v>1.8606423529452749E-2</v>
      </c>
      <c r="G98" s="182">
        <v>0.38157040407181936</v>
      </c>
      <c r="H98" s="92">
        <v>2.3601437388155663E-2</v>
      </c>
      <c r="I98" s="178">
        <v>1691</v>
      </c>
      <c r="J98" s="182">
        <v>0.71692167539981744</v>
      </c>
      <c r="K98" s="92">
        <v>2.1896340031637717E-2</v>
      </c>
      <c r="L98" s="182">
        <v>0.10276801971910826</v>
      </c>
      <c r="M98" s="92">
        <v>1.4810553677105856E-2</v>
      </c>
      <c r="N98" s="182">
        <v>0.18031030488107272</v>
      </c>
      <c r="O98" s="92">
        <v>1.8706255741434911E-2</v>
      </c>
      <c r="P98" s="178">
        <v>1683</v>
      </c>
      <c r="Q98" s="182">
        <v>0.64383647433885716</v>
      </c>
      <c r="R98" s="92">
        <v>2.3322641637704519E-2</v>
      </c>
      <c r="S98" s="182">
        <v>0.10114679578997494</v>
      </c>
      <c r="T98" s="92">
        <v>1.4742976873685717E-2</v>
      </c>
      <c r="U98" s="182">
        <v>0.25501672987116686</v>
      </c>
      <c r="V98" s="92">
        <v>2.1240010357989104E-2</v>
      </c>
    </row>
    <row r="99" spans="1:22">
      <c r="A99" s="40" t="s">
        <v>535</v>
      </c>
      <c r="B99" s="176">
        <v>920</v>
      </c>
      <c r="C99" s="181">
        <v>0.30397581138921842</v>
      </c>
      <c r="D99" s="89">
        <v>3.0287688806306636E-2</v>
      </c>
      <c r="E99" s="181">
        <v>0.16179337299699723</v>
      </c>
      <c r="F99" s="89">
        <v>2.4317922160806565E-2</v>
      </c>
      <c r="G99" s="181">
        <v>0.53423081561378405</v>
      </c>
      <c r="H99" s="89">
        <v>3.2821066399931494E-2</v>
      </c>
      <c r="I99" s="176">
        <v>924</v>
      </c>
      <c r="J99" s="181">
        <v>0.62630402081242598</v>
      </c>
      <c r="K99" s="89">
        <v>3.177130843913975E-2</v>
      </c>
      <c r="L99" s="181">
        <v>0.1056048484419649</v>
      </c>
      <c r="M99" s="89">
        <v>2.0319697163072876E-2</v>
      </c>
      <c r="N99" s="181">
        <v>0.26809113074560875</v>
      </c>
      <c r="O99" s="89">
        <v>2.9116362319506168E-2</v>
      </c>
      <c r="P99" s="176">
        <v>919</v>
      </c>
      <c r="Q99" s="181">
        <v>0.61956305804529588</v>
      </c>
      <c r="R99" s="89">
        <v>3.1968857395496098E-2</v>
      </c>
      <c r="S99" s="181">
        <v>8.4725253253306487E-2</v>
      </c>
      <c r="T99" s="89">
        <v>1.8507515279955811E-2</v>
      </c>
      <c r="U99" s="181">
        <v>0.29571168870139747</v>
      </c>
      <c r="V99" s="89">
        <v>3.0068698835021911E-2</v>
      </c>
    </row>
    <row r="100" spans="1:22">
      <c r="A100" s="44" t="s">
        <v>536</v>
      </c>
      <c r="B100" s="178">
        <v>197</v>
      </c>
      <c r="C100" s="182">
        <v>0.28056064025675387</v>
      </c>
      <c r="D100" s="92">
        <v>6.3675773818744161E-2</v>
      </c>
      <c r="E100" s="182">
        <v>0.21827418655416986</v>
      </c>
      <c r="F100" s="92">
        <v>5.8803681446902449E-2</v>
      </c>
      <c r="G100" s="182">
        <v>0.50116517318907572</v>
      </c>
      <c r="H100" s="92">
        <v>7.0534377612967353E-2</v>
      </c>
      <c r="I100" s="178">
        <v>198</v>
      </c>
      <c r="J100" s="182">
        <v>0.63674876003219782</v>
      </c>
      <c r="K100" s="92">
        <v>6.778431823571511E-2</v>
      </c>
      <c r="L100" s="182">
        <v>0.10331148530762546</v>
      </c>
      <c r="M100" s="92">
        <v>4.4233553742079532E-2</v>
      </c>
      <c r="N100" s="182">
        <v>0.2599397546601761</v>
      </c>
      <c r="O100" s="92">
        <v>6.2081201179798512E-2</v>
      </c>
      <c r="P100" s="178">
        <v>198</v>
      </c>
      <c r="Q100" s="182">
        <v>0.69655358528177413</v>
      </c>
      <c r="R100" s="92">
        <v>6.4926702226833041E-2</v>
      </c>
      <c r="S100" s="182">
        <v>5.5770898817665115E-2</v>
      </c>
      <c r="T100" s="92">
        <v>3.458339060230798E-2</v>
      </c>
      <c r="U100" s="182">
        <v>0.24767551590056022</v>
      </c>
      <c r="V100" s="92">
        <v>6.1148881836804163E-2</v>
      </c>
    </row>
    <row r="101" spans="1:22">
      <c r="A101" s="40" t="s">
        <v>537</v>
      </c>
      <c r="B101" s="176">
        <v>73</v>
      </c>
      <c r="C101" s="181">
        <v>0.28821922336359723</v>
      </c>
      <c r="D101" s="89">
        <v>0.10436890658579182</v>
      </c>
      <c r="E101" s="181">
        <v>0.18577399803621694</v>
      </c>
      <c r="F101" s="89">
        <v>9.1525046412896133E-2</v>
      </c>
      <c r="G101" s="181">
        <v>0.52600677860018574</v>
      </c>
      <c r="H101" s="89">
        <v>0.1138219371855408</v>
      </c>
      <c r="I101" s="176">
        <v>73</v>
      </c>
      <c r="J101" s="181">
        <v>0.61364586182658931</v>
      </c>
      <c r="K101" s="89">
        <v>0.11128333383570156</v>
      </c>
      <c r="L101" s="181">
        <v>7.160491901415926E-2</v>
      </c>
      <c r="M101" s="89">
        <v>6.6469271421453702E-2</v>
      </c>
      <c r="N101" s="181">
        <v>0.31474921915925141</v>
      </c>
      <c r="O101" s="89">
        <v>0.10669900111166457</v>
      </c>
      <c r="P101" s="176">
        <v>73</v>
      </c>
      <c r="Q101" s="181">
        <v>0.61817746100439419</v>
      </c>
      <c r="R101" s="89">
        <v>0.11106273017953983</v>
      </c>
      <c r="S101" s="181">
        <v>3.7476723883140065E-2</v>
      </c>
      <c r="T101" s="89">
        <v>5.475858539085126E-2</v>
      </c>
      <c r="U101" s="181">
        <v>0.34434581511246587</v>
      </c>
      <c r="V101" s="89">
        <v>0.10888421364739102</v>
      </c>
    </row>
    <row r="102" spans="1:22">
      <c r="A102" s="44" t="s">
        <v>546</v>
      </c>
      <c r="B102" s="178">
        <v>779</v>
      </c>
      <c r="C102" s="182">
        <v>0.49825788194643061</v>
      </c>
      <c r="D102" s="92">
        <v>3.5736869782268872E-2</v>
      </c>
      <c r="E102" s="182">
        <v>0.18483979764894251</v>
      </c>
      <c r="F102" s="92">
        <v>2.7836989390989098E-2</v>
      </c>
      <c r="G102" s="182">
        <v>0.31690232040462779</v>
      </c>
      <c r="H102" s="92">
        <v>3.3280946658729271E-2</v>
      </c>
      <c r="I102" s="178">
        <v>775</v>
      </c>
      <c r="J102" s="182">
        <v>0.75681510918467521</v>
      </c>
      <c r="K102" s="92">
        <v>3.0797827673898177E-2</v>
      </c>
      <c r="L102" s="182">
        <v>0.10094608307737986</v>
      </c>
      <c r="M102" s="92">
        <v>2.1780459198891187E-2</v>
      </c>
      <c r="N102" s="182">
        <v>0.14223880773794481</v>
      </c>
      <c r="O102" s="92">
        <v>2.5163699148576985E-2</v>
      </c>
      <c r="P102" s="178">
        <v>772</v>
      </c>
      <c r="Q102" s="182">
        <v>0.65354105079708191</v>
      </c>
      <c r="R102" s="92">
        <v>3.4181712650346224E-2</v>
      </c>
      <c r="S102" s="182">
        <v>0.10761684772752528</v>
      </c>
      <c r="T102" s="92">
        <v>2.2431870990290165E-2</v>
      </c>
      <c r="U102" s="182">
        <v>0.23884210147539328</v>
      </c>
      <c r="V102" s="92">
        <v>3.0671006842429217E-2</v>
      </c>
    </row>
    <row r="103" spans="1:22">
      <c r="A103" s="40" t="s">
        <v>547</v>
      </c>
      <c r="B103" s="176">
        <v>127</v>
      </c>
      <c r="C103" s="181">
        <v>0.47982040437644957</v>
      </c>
      <c r="D103" s="89">
        <v>8.7303501921048479E-2</v>
      </c>
      <c r="E103" s="181">
        <v>0.15959916401755264</v>
      </c>
      <c r="F103" s="89">
        <v>6.5637318215277185E-2</v>
      </c>
      <c r="G103" s="181">
        <v>0.36058043160599845</v>
      </c>
      <c r="H103" s="89">
        <v>8.4117530167544613E-2</v>
      </c>
      <c r="I103" s="176">
        <v>127</v>
      </c>
      <c r="J103" s="181">
        <v>0.71991386047448369</v>
      </c>
      <c r="K103" s="89">
        <v>7.9029652330755928E-2</v>
      </c>
      <c r="L103" s="181">
        <v>0.10088247385403262</v>
      </c>
      <c r="M103" s="89">
        <v>5.5336475017493558E-2</v>
      </c>
      <c r="N103" s="181">
        <v>0.17920366567148399</v>
      </c>
      <c r="O103" s="89">
        <v>6.8412391532321509E-2</v>
      </c>
      <c r="P103" s="176">
        <v>125</v>
      </c>
      <c r="Q103" s="181">
        <v>0.68774085546009811</v>
      </c>
      <c r="R103" s="89">
        <v>8.2010647764726621E-2</v>
      </c>
      <c r="S103" s="181">
        <v>7.6598353637050351E-2</v>
      </c>
      <c r="T103" s="89">
        <v>5.0324878413545326E-2</v>
      </c>
      <c r="U103" s="181">
        <v>0.23566079090285177</v>
      </c>
      <c r="V103" s="89">
        <v>7.5614474165426687E-2</v>
      </c>
    </row>
    <row r="104" spans="1:22">
      <c r="A104" s="44" t="s">
        <v>548</v>
      </c>
      <c r="B104" s="178">
        <v>98</v>
      </c>
      <c r="C104" s="182">
        <v>0.36750499315669316</v>
      </c>
      <c r="D104" s="92">
        <v>9.5751912482269635E-2</v>
      </c>
      <c r="E104" s="182">
        <v>0.19373164567568607</v>
      </c>
      <c r="F104" s="92">
        <v>8.0052024533970659E-2</v>
      </c>
      <c r="G104" s="182">
        <v>0.43876336116761999</v>
      </c>
      <c r="H104" s="92">
        <v>9.8326869645417023E-2</v>
      </c>
      <c r="I104" s="178">
        <v>97</v>
      </c>
      <c r="J104" s="182">
        <v>0.69245262782104722</v>
      </c>
      <c r="K104" s="92">
        <v>9.245552250889584E-2</v>
      </c>
      <c r="L104" s="182">
        <v>9.1163588403065016E-2</v>
      </c>
      <c r="M104" s="92">
        <v>6.1605582116823945E-2</v>
      </c>
      <c r="N104" s="182">
        <v>0.21638378377588721</v>
      </c>
      <c r="O104" s="92">
        <v>8.3442519734697129E-2</v>
      </c>
      <c r="P104" s="178">
        <v>96</v>
      </c>
      <c r="Q104" s="182">
        <v>0.67015339937555862</v>
      </c>
      <c r="R104" s="92">
        <v>9.4512998373674675E-2</v>
      </c>
      <c r="S104" s="182">
        <v>9.849049795424801E-2</v>
      </c>
      <c r="T104" s="92">
        <v>6.3695831693209456E-2</v>
      </c>
      <c r="U104" s="182">
        <v>0.23135610267019288</v>
      </c>
      <c r="V104" s="92">
        <v>8.5671126674869827E-2</v>
      </c>
    </row>
    <row r="105" spans="1:22">
      <c r="A105" s="40" t="s">
        <v>538</v>
      </c>
      <c r="B105" s="176">
        <v>125</v>
      </c>
      <c r="C105" s="181">
        <v>0.33036644923435143</v>
      </c>
      <c r="D105" s="89">
        <v>8.3151364928523749E-2</v>
      </c>
      <c r="E105" s="181">
        <v>0.10981963079853121</v>
      </c>
      <c r="F105" s="89">
        <v>5.7615186405429161E-2</v>
      </c>
      <c r="G105" s="181">
        <v>0.55981391996711805</v>
      </c>
      <c r="H105" s="89">
        <v>8.7451555273764206E-2</v>
      </c>
      <c r="I105" s="176">
        <v>125</v>
      </c>
      <c r="J105" s="181">
        <v>0.64677357168126037</v>
      </c>
      <c r="K105" s="89">
        <v>8.4408158210286313E-2</v>
      </c>
      <c r="L105" s="181">
        <v>0.12997633450458296</v>
      </c>
      <c r="M105" s="89">
        <v>6.1364801159800857E-2</v>
      </c>
      <c r="N105" s="181">
        <v>0.22325009381415742</v>
      </c>
      <c r="O105" s="89">
        <v>7.431040037703085E-2</v>
      </c>
      <c r="P105" s="176">
        <v>125</v>
      </c>
      <c r="Q105" s="181">
        <v>0.50065542004559194</v>
      </c>
      <c r="R105" s="89">
        <v>8.8045019606888847E-2</v>
      </c>
      <c r="S105" s="181">
        <v>0.14462494877840279</v>
      </c>
      <c r="T105" s="89">
        <v>6.3835829331961635E-2</v>
      </c>
      <c r="U105" s="181">
        <v>0.35471963117600597</v>
      </c>
      <c r="V105" s="89">
        <v>8.4483335210669433E-2</v>
      </c>
    </row>
    <row r="106" spans="1:22">
      <c r="A106" s="44" t="s">
        <v>539</v>
      </c>
      <c r="B106" s="178">
        <v>96</v>
      </c>
      <c r="C106" s="182">
        <v>0.33863785245081468</v>
      </c>
      <c r="D106" s="92">
        <v>9.5079675296667068E-2</v>
      </c>
      <c r="E106" s="182">
        <v>0.12884898850281495</v>
      </c>
      <c r="F106" s="92">
        <v>7.0156045388579447E-2</v>
      </c>
      <c r="G106" s="182">
        <v>0.53251315904636987</v>
      </c>
      <c r="H106" s="92">
        <v>9.9804964117202424E-2</v>
      </c>
      <c r="I106" s="178">
        <v>96</v>
      </c>
      <c r="J106" s="182">
        <v>0.6619247158510414</v>
      </c>
      <c r="K106" s="92">
        <v>9.5044411535464668E-2</v>
      </c>
      <c r="L106" s="182">
        <v>0.13467362378477102</v>
      </c>
      <c r="M106" s="92">
        <v>7.1274165405504228E-2</v>
      </c>
      <c r="N106" s="182">
        <v>0.20340166036418708</v>
      </c>
      <c r="O106" s="92">
        <v>8.2201293909800979E-2</v>
      </c>
      <c r="P106" s="178">
        <v>96</v>
      </c>
      <c r="Q106" s="182">
        <v>0.49329250369820099</v>
      </c>
      <c r="R106" s="92">
        <v>9.9991707005947617E-2</v>
      </c>
      <c r="S106" s="182">
        <v>0.15206055175608171</v>
      </c>
      <c r="T106" s="92">
        <v>7.4412200653341629E-2</v>
      </c>
      <c r="U106" s="182">
        <v>0.35464694454571666</v>
      </c>
      <c r="V106" s="92">
        <v>9.602684751908247E-2</v>
      </c>
    </row>
    <row r="107" spans="1:22">
      <c r="A107" s="40" t="s">
        <v>540</v>
      </c>
      <c r="B107" s="176">
        <v>259</v>
      </c>
      <c r="C107" s="181">
        <v>0.29171132226874841</v>
      </c>
      <c r="D107" s="89">
        <v>5.6234904100973836E-2</v>
      </c>
      <c r="E107" s="181">
        <v>0.16051976697961767</v>
      </c>
      <c r="F107" s="89">
        <v>4.5851822796425128E-2</v>
      </c>
      <c r="G107" s="181">
        <v>0.54776891075163314</v>
      </c>
      <c r="H107" s="89">
        <v>6.1389117796656609E-2</v>
      </c>
      <c r="I107" s="176">
        <v>260</v>
      </c>
      <c r="J107" s="181">
        <v>0.64238389205808577</v>
      </c>
      <c r="K107" s="89">
        <v>5.907577462905831E-2</v>
      </c>
      <c r="L107" s="181">
        <v>9.3380448937264882E-2</v>
      </c>
      <c r="M107" s="89">
        <v>3.685205282349574E-2</v>
      </c>
      <c r="N107" s="181">
        <v>0.26423565900464818</v>
      </c>
      <c r="O107" s="89">
        <v>5.4506991991843945E-2</v>
      </c>
      <c r="P107" s="176">
        <v>258</v>
      </c>
      <c r="Q107" s="181">
        <v>0.66409849821279465</v>
      </c>
      <c r="R107" s="89">
        <v>5.8464792686473248E-2</v>
      </c>
      <c r="S107" s="181">
        <v>8.4973419113441792E-2</v>
      </c>
      <c r="T107" s="89">
        <v>3.5591456425568407E-2</v>
      </c>
      <c r="U107" s="181">
        <v>0.25092808267376365</v>
      </c>
      <c r="V107" s="89">
        <v>5.3836474779204814E-2</v>
      </c>
    </row>
    <row r="108" spans="1:22" ht="25.5">
      <c r="A108" s="44" t="s">
        <v>541</v>
      </c>
      <c r="B108" s="178">
        <v>112</v>
      </c>
      <c r="C108" s="182">
        <v>0.28146580004516586</v>
      </c>
      <c r="D108" s="92">
        <v>8.4175436053553099E-2</v>
      </c>
      <c r="E108" s="182">
        <v>0.14691977693979416</v>
      </c>
      <c r="F108" s="92">
        <v>6.7920783393817602E-2</v>
      </c>
      <c r="G108" s="182">
        <v>0.57161442301504073</v>
      </c>
      <c r="H108" s="92">
        <v>9.1955569197287298E-2</v>
      </c>
      <c r="I108" s="178">
        <v>112</v>
      </c>
      <c r="J108" s="182">
        <v>0.62464561307415634</v>
      </c>
      <c r="K108" s="92">
        <v>9.0118022617710319E-2</v>
      </c>
      <c r="L108" s="182">
        <v>0.12181310022701744</v>
      </c>
      <c r="M108" s="92">
        <v>6.3427509258141626E-2</v>
      </c>
      <c r="N108" s="182">
        <v>0.25354128669882697</v>
      </c>
      <c r="O108" s="92">
        <v>8.1658450416490114E-2</v>
      </c>
      <c r="P108" s="178">
        <v>112</v>
      </c>
      <c r="Q108" s="182">
        <v>0.60096526628536084</v>
      </c>
      <c r="R108" s="92">
        <v>9.106589641110524E-2</v>
      </c>
      <c r="S108" s="182">
        <v>0.10276350056193242</v>
      </c>
      <c r="T108" s="92">
        <v>5.9566848554224429E-2</v>
      </c>
      <c r="U108" s="182">
        <v>0.29627123315270748</v>
      </c>
      <c r="V108" s="92">
        <v>8.5360832334491835E-2</v>
      </c>
    </row>
    <row r="109" spans="1:22" ht="25.5">
      <c r="A109" s="52" t="s">
        <v>549</v>
      </c>
      <c r="B109" s="176">
        <v>66</v>
      </c>
      <c r="C109" s="181">
        <v>0.27486913771943766</v>
      </c>
      <c r="D109" s="89">
        <v>0.10821751711543186</v>
      </c>
      <c r="E109" s="181">
        <v>0.20269811747602667</v>
      </c>
      <c r="F109" s="89">
        <v>9.8973158823388807E-2</v>
      </c>
      <c r="G109" s="181">
        <v>0.52243274480453594</v>
      </c>
      <c r="H109" s="89">
        <v>0.11941587368588942</v>
      </c>
      <c r="I109" s="176">
        <v>67</v>
      </c>
      <c r="J109" s="181">
        <v>0.6466020838341251</v>
      </c>
      <c r="K109" s="89">
        <v>0.11404502854346604</v>
      </c>
      <c r="L109" s="181">
        <v>8.1481731073078989E-2</v>
      </c>
      <c r="M109" s="89">
        <v>7.2780810889851222E-2</v>
      </c>
      <c r="N109" s="181">
        <v>0.27191618509279636</v>
      </c>
      <c r="O109" s="89">
        <v>0.10711960290628228</v>
      </c>
      <c r="P109" s="176">
        <v>66</v>
      </c>
      <c r="Q109" s="181">
        <v>0.7854384858031388</v>
      </c>
      <c r="R109" s="89">
        <v>0.10073168686277761</v>
      </c>
      <c r="S109" s="181">
        <v>6.1925543481758646E-2</v>
      </c>
      <c r="T109" s="89">
        <v>6.7356879606424253E-2</v>
      </c>
      <c r="U109" s="181">
        <v>0.15263597071510288</v>
      </c>
      <c r="V109" s="89">
        <v>9.0311888154453748E-2</v>
      </c>
    </row>
    <row r="110" spans="1:22">
      <c r="A110" s="44" t="s">
        <v>543</v>
      </c>
      <c r="B110" s="178">
        <v>81</v>
      </c>
      <c r="C110" s="182">
        <v>0.31606179901996301</v>
      </c>
      <c r="D110" s="92">
        <v>0.1015818696979726</v>
      </c>
      <c r="E110" s="182">
        <v>0.15217795049845834</v>
      </c>
      <c r="F110" s="92">
        <v>8.1208019599516887E-2</v>
      </c>
      <c r="G110" s="182">
        <v>0.53176025048157827</v>
      </c>
      <c r="H110" s="92">
        <v>0.10826633617308506</v>
      </c>
      <c r="I110" s="178">
        <v>81</v>
      </c>
      <c r="J110" s="182">
        <v>0.66354945824245914</v>
      </c>
      <c r="K110" s="92">
        <v>0.10306133828481716</v>
      </c>
      <c r="L110" s="182">
        <v>6.2817446284986408E-2</v>
      </c>
      <c r="M110" s="92">
        <v>5.9975181896167268E-2</v>
      </c>
      <c r="N110" s="182">
        <v>0.27363309547255416</v>
      </c>
      <c r="O110" s="92">
        <v>9.785158549486786E-2</v>
      </c>
      <c r="P110" s="178">
        <v>80</v>
      </c>
      <c r="Q110" s="182">
        <v>0.67338447491218756</v>
      </c>
      <c r="R110" s="92">
        <v>0.10298698948200535</v>
      </c>
      <c r="S110" s="182">
        <v>7.534495990144803E-2</v>
      </c>
      <c r="T110" s="92">
        <v>6.4155186851511614E-2</v>
      </c>
      <c r="U110" s="182">
        <v>0.25127056518636404</v>
      </c>
      <c r="V110" s="92">
        <v>9.6086620986655366E-2</v>
      </c>
    </row>
    <row r="111" spans="1:22">
      <c r="A111" s="52" t="s">
        <v>544</v>
      </c>
      <c r="B111" s="176">
        <v>111</v>
      </c>
      <c r="C111" s="181">
        <v>0.31492100816883012</v>
      </c>
      <c r="D111" s="89">
        <v>8.7095595289942568E-2</v>
      </c>
      <c r="E111" s="181">
        <v>0.11577225467977036</v>
      </c>
      <c r="F111" s="89">
        <v>6.2543316808679916E-2</v>
      </c>
      <c r="G111" s="181">
        <v>0.56930673715139957</v>
      </c>
      <c r="H111" s="89">
        <v>9.2412104624356617E-2</v>
      </c>
      <c r="I111" s="176">
        <v>113</v>
      </c>
      <c r="J111" s="181">
        <v>0.5402179981484827</v>
      </c>
      <c r="K111" s="89">
        <v>9.2170636905811343E-2</v>
      </c>
      <c r="L111" s="181">
        <v>0.13147151446494487</v>
      </c>
      <c r="M111" s="89">
        <v>6.4929781819068902E-2</v>
      </c>
      <c r="N111" s="181">
        <v>0.32831048738657254</v>
      </c>
      <c r="O111" s="89">
        <v>8.7217930932031937E-2</v>
      </c>
      <c r="P111" s="176">
        <v>112</v>
      </c>
      <c r="Q111" s="181">
        <v>0.52506771391728557</v>
      </c>
      <c r="R111" s="89">
        <v>9.2738824921271903E-2</v>
      </c>
      <c r="S111" s="181">
        <v>9.0484469102669426E-2</v>
      </c>
      <c r="T111" s="89">
        <v>5.6831069399848042E-2</v>
      </c>
      <c r="U111" s="181">
        <v>0.38444781698004482</v>
      </c>
      <c r="V111" s="89">
        <v>9.0506746758470341E-2</v>
      </c>
    </row>
    <row r="112" spans="1:22">
      <c r="A112" s="44" t="s">
        <v>545</v>
      </c>
      <c r="B112" s="178">
        <v>122</v>
      </c>
      <c r="C112" s="182">
        <v>0.2578300191730038</v>
      </c>
      <c r="D112" s="92">
        <v>7.8683244945333533E-2</v>
      </c>
      <c r="E112" s="182">
        <v>0.13173185115633268</v>
      </c>
      <c r="F112" s="92">
        <v>6.2450685116284758E-2</v>
      </c>
      <c r="G112" s="182">
        <v>0.61043812967066402</v>
      </c>
      <c r="H112" s="92">
        <v>8.7025906329919286E-2</v>
      </c>
      <c r="I112" s="178">
        <v>123</v>
      </c>
      <c r="J112" s="182">
        <v>0.59324672314671334</v>
      </c>
      <c r="K112" s="92">
        <v>8.7276217627359334E-2</v>
      </c>
      <c r="L112" s="182">
        <v>9.3967710523919376E-2</v>
      </c>
      <c r="M112" s="92">
        <v>5.4803660430594779E-2</v>
      </c>
      <c r="N112" s="182">
        <v>0.31278556632936777</v>
      </c>
      <c r="O112" s="92">
        <v>8.2695497465778728E-2</v>
      </c>
      <c r="P112" s="178">
        <v>122</v>
      </c>
      <c r="Q112" s="182">
        <v>0.61967280002044489</v>
      </c>
      <c r="R112" s="92">
        <v>8.6661775338956082E-2</v>
      </c>
      <c r="S112" s="182">
        <v>7.1237438928250907E-2</v>
      </c>
      <c r="T112" s="92">
        <v>4.964943922715271E-2</v>
      </c>
      <c r="U112" s="182">
        <v>0.30908976105130481</v>
      </c>
      <c r="V112" s="92">
        <v>8.2775394452869522E-2</v>
      </c>
    </row>
    <row r="119" spans="1:28" ht="18.75">
      <c r="A119" s="282" t="s">
        <v>462</v>
      </c>
      <c r="B119" s="282"/>
      <c r="C119" s="282"/>
      <c r="D119" s="282"/>
      <c r="E119" s="282"/>
      <c r="F119" s="282"/>
      <c r="G119" s="282"/>
      <c r="H119" s="282"/>
      <c r="I119" s="282"/>
      <c r="J119" s="282"/>
      <c r="K119" s="282"/>
      <c r="L119" s="282"/>
      <c r="M119" s="283"/>
      <c r="N119" s="222"/>
      <c r="O119" s="222"/>
      <c r="P119" s="222"/>
      <c r="Q119" s="222"/>
      <c r="R119" s="222"/>
      <c r="S119" s="222"/>
      <c r="T119" s="222"/>
      <c r="U119" s="222"/>
      <c r="V119" s="222"/>
      <c r="W119" s="222"/>
      <c r="X119" s="222"/>
      <c r="Y119" s="222"/>
      <c r="Z119" s="222"/>
      <c r="AA119" s="222"/>
      <c r="AB119" s="240"/>
    </row>
    <row r="120" spans="1:28" ht="49.5" customHeight="1">
      <c r="A120" s="406" t="s">
        <v>594</v>
      </c>
      <c r="B120" s="406"/>
      <c r="C120" s="406"/>
      <c r="D120" s="406"/>
      <c r="E120" s="406"/>
      <c r="F120" s="406"/>
      <c r="G120" s="406"/>
      <c r="H120" s="406"/>
      <c r="I120" s="406"/>
      <c r="J120" s="406"/>
      <c r="K120" s="406"/>
      <c r="L120" s="406"/>
      <c r="M120" s="283"/>
      <c r="N120" s="237"/>
      <c r="O120" s="237"/>
      <c r="P120" s="237"/>
      <c r="Q120" s="237"/>
      <c r="R120" s="237"/>
      <c r="S120" s="237"/>
      <c r="T120" s="237"/>
      <c r="U120" s="237"/>
      <c r="V120" s="237"/>
      <c r="W120" s="237"/>
      <c r="X120" s="237"/>
      <c r="Y120" s="237"/>
      <c r="Z120" s="237"/>
      <c r="AA120" s="237"/>
      <c r="AB120" s="240"/>
    </row>
    <row r="121" spans="1:28" ht="38.25" customHeight="1">
      <c r="A121" s="411" t="s">
        <v>235</v>
      </c>
      <c r="B121" s="412"/>
      <c r="C121" s="412"/>
      <c r="D121" s="412"/>
      <c r="E121" s="412"/>
      <c r="F121" s="412"/>
      <c r="G121" s="412"/>
      <c r="H121" s="412"/>
      <c r="I121" s="412"/>
      <c r="J121" s="412"/>
      <c r="K121" s="412"/>
      <c r="L121" s="412"/>
      <c r="M121" s="235"/>
      <c r="N121" s="240"/>
      <c r="O121" s="240"/>
      <c r="P121" s="240"/>
      <c r="Q121" s="240"/>
      <c r="R121" s="240"/>
      <c r="S121" s="240"/>
      <c r="T121" s="240"/>
      <c r="U121" s="240"/>
      <c r="V121" s="240"/>
      <c r="W121" s="240"/>
      <c r="X121" s="240"/>
      <c r="Y121" s="240"/>
      <c r="Z121" s="240"/>
      <c r="AA121" s="240"/>
      <c r="AB121" s="240"/>
    </row>
    <row r="122" spans="1:28" ht="72">
      <c r="A122" s="32" t="s">
        <v>71</v>
      </c>
      <c r="B122" s="33" t="s">
        <v>72</v>
      </c>
      <c r="C122" s="34" t="s">
        <v>584</v>
      </c>
      <c r="D122" s="35" t="s">
        <v>73</v>
      </c>
      <c r="E122" s="33" t="s">
        <v>468</v>
      </c>
      <c r="F122" s="84" t="s">
        <v>467</v>
      </c>
      <c r="G122" s="33" t="s">
        <v>463</v>
      </c>
      <c r="H122" s="84" t="s">
        <v>466</v>
      </c>
      <c r="I122" s="33" t="s">
        <v>464</v>
      </c>
      <c r="J122" s="84" t="s">
        <v>465</v>
      </c>
      <c r="K122" s="33" t="s">
        <v>301</v>
      </c>
      <c r="L122" s="84" t="s">
        <v>300</v>
      </c>
      <c r="M122" s="235"/>
      <c r="N122" s="239"/>
      <c r="O122" s="235"/>
      <c r="P122" s="239"/>
      <c r="Q122" s="235"/>
    </row>
    <row r="123" spans="1:28" ht="72">
      <c r="A123" s="36"/>
      <c r="B123" s="37" t="s">
        <v>74</v>
      </c>
      <c r="C123" s="121" t="s">
        <v>304</v>
      </c>
      <c r="D123" s="39" t="s">
        <v>76</v>
      </c>
      <c r="E123" s="37" t="s">
        <v>159</v>
      </c>
      <c r="F123" s="86" t="s">
        <v>88</v>
      </c>
      <c r="G123" s="37" t="s">
        <v>160</v>
      </c>
      <c r="H123" s="86" t="s">
        <v>88</v>
      </c>
      <c r="I123" s="37" t="s">
        <v>161</v>
      </c>
      <c r="J123" s="86" t="s">
        <v>88</v>
      </c>
      <c r="K123" s="37" t="s">
        <v>301</v>
      </c>
      <c r="L123" s="86" t="s">
        <v>88</v>
      </c>
    </row>
    <row r="124" spans="1:28">
      <c r="A124" s="40" t="s">
        <v>350</v>
      </c>
      <c r="B124" s="176">
        <v>13842</v>
      </c>
      <c r="C124" s="177">
        <v>5.1036555153933705</v>
      </c>
      <c r="D124" s="80">
        <v>2.5613062985244635E-2</v>
      </c>
      <c r="E124" s="181">
        <v>0.14001098066140449</v>
      </c>
      <c r="F124" s="89">
        <v>5.8997051367260427E-3</v>
      </c>
      <c r="G124" s="181">
        <v>0.15466386656429337</v>
      </c>
      <c r="H124" s="89">
        <v>6.1473986241741526E-3</v>
      </c>
      <c r="I124" s="181">
        <v>0.66939583980021322</v>
      </c>
      <c r="J124" s="89">
        <v>7.9961283884657681E-3</v>
      </c>
      <c r="K124" s="88">
        <v>3.5929312974102921E-2</v>
      </c>
      <c r="L124" s="89">
        <v>3.1690222023489788E-3</v>
      </c>
    </row>
    <row r="125" spans="1:28">
      <c r="A125" s="44" t="s">
        <v>351</v>
      </c>
      <c r="B125" s="178">
        <v>10160</v>
      </c>
      <c r="C125" s="179">
        <v>5.218333162847518</v>
      </c>
      <c r="D125" s="180">
        <v>2.9704039142234386E-2</v>
      </c>
      <c r="E125" s="182">
        <v>0.13618665266714181</v>
      </c>
      <c r="F125" s="92">
        <v>6.8071774798117296E-3</v>
      </c>
      <c r="G125" s="182">
        <v>0.13327815911204455</v>
      </c>
      <c r="H125" s="92">
        <v>6.7455269637586761E-3</v>
      </c>
      <c r="I125" s="182">
        <v>0.70609292582147842</v>
      </c>
      <c r="J125" s="92">
        <v>9.037921998252799E-3</v>
      </c>
      <c r="K125" s="91">
        <v>2.4442262399327314E-2</v>
      </c>
      <c r="L125" s="92">
        <v>3.0747481783533668E-3</v>
      </c>
    </row>
    <row r="126" spans="1:28">
      <c r="A126" s="40" t="s">
        <v>352</v>
      </c>
      <c r="B126" s="176">
        <v>3682</v>
      </c>
      <c r="C126" s="177">
        <v>5.0081588290137242</v>
      </c>
      <c r="D126" s="80">
        <v>5.0009313275332423E-2</v>
      </c>
      <c r="E126" s="181">
        <v>0.14312759363084968</v>
      </c>
      <c r="F126" s="89">
        <v>1.1549433724983587E-2</v>
      </c>
      <c r="G126" s="181">
        <v>0.17209201951208292</v>
      </c>
      <c r="H126" s="89">
        <v>1.2444542034473358E-2</v>
      </c>
      <c r="I126" s="181">
        <v>0.63948977149054964</v>
      </c>
      <c r="J126" s="89">
        <v>1.581858665445654E-2</v>
      </c>
      <c r="K126" s="88">
        <v>4.5290615366517697E-2</v>
      </c>
      <c r="L126" s="89">
        <v>6.8854577150971779E-3</v>
      </c>
    </row>
    <row r="127" spans="1:28">
      <c r="A127" s="44" t="s">
        <v>534</v>
      </c>
      <c r="B127" s="178">
        <v>1691</v>
      </c>
      <c r="C127" s="179">
        <v>4.9200980626326594</v>
      </c>
      <c r="D127" s="180">
        <v>7.5566722175992612E-2</v>
      </c>
      <c r="E127" s="182">
        <v>0.15997461027679213</v>
      </c>
      <c r="F127" s="92">
        <v>1.7844148404249638E-2</v>
      </c>
      <c r="G127" s="182">
        <v>0.18819342839939612</v>
      </c>
      <c r="H127" s="92">
        <v>1.9016216751367936E-2</v>
      </c>
      <c r="I127" s="182">
        <v>0.60140829588624267</v>
      </c>
      <c r="J127" s="92">
        <v>2.3786902353806528E-2</v>
      </c>
      <c r="K127" s="91">
        <v>5.0423665437568488E-2</v>
      </c>
      <c r="L127" s="92">
        <v>1.0735099128618284E-2</v>
      </c>
    </row>
    <row r="128" spans="1:28">
      <c r="A128" s="40" t="s">
        <v>535</v>
      </c>
      <c r="B128" s="176">
        <v>923</v>
      </c>
      <c r="C128" s="177">
        <v>5.1563548319568762</v>
      </c>
      <c r="D128" s="80">
        <v>0.10141161284666506</v>
      </c>
      <c r="E128" s="181">
        <v>0.13499907797312324</v>
      </c>
      <c r="F128" s="89">
        <v>2.2557282469281972E-2</v>
      </c>
      <c r="G128" s="181">
        <v>0.14510418232270969</v>
      </c>
      <c r="H128" s="89">
        <v>2.3236838811833235E-2</v>
      </c>
      <c r="I128" s="181">
        <v>0.69398779501887164</v>
      </c>
      <c r="J128" s="89">
        <v>3.0294690142379229E-2</v>
      </c>
      <c r="K128" s="88">
        <v>2.5908944685295324E-2</v>
      </c>
      <c r="L128" s="89">
        <v>1.0828302611467121E-2</v>
      </c>
    </row>
    <row r="129" spans="1:15">
      <c r="A129" s="44" t="s">
        <v>536</v>
      </c>
      <c r="B129" s="178">
        <v>198</v>
      </c>
      <c r="C129" s="179">
        <v>5.2748147282230509</v>
      </c>
      <c r="D129" s="180">
        <v>0.21499510372196448</v>
      </c>
      <c r="E129" s="182">
        <v>0.13903818279648925</v>
      </c>
      <c r="F129" s="92">
        <v>4.9715151393955735E-2</v>
      </c>
      <c r="G129" s="182">
        <v>0.1229518453171707</v>
      </c>
      <c r="H129" s="92">
        <v>4.7389110324852407E-2</v>
      </c>
      <c r="I129" s="182">
        <v>0.70581354239003469</v>
      </c>
      <c r="J129" s="92">
        <v>6.4378486133969487E-2</v>
      </c>
      <c r="K129" s="91">
        <v>3.2196429496304926E-2</v>
      </c>
      <c r="L129" s="92">
        <v>2.8052618875927283E-2</v>
      </c>
    </row>
    <row r="130" spans="1:15">
      <c r="A130" s="40" t="s">
        <v>537</v>
      </c>
      <c r="B130" s="176">
        <v>73</v>
      </c>
      <c r="C130" s="177">
        <v>5.2368427958347956</v>
      </c>
      <c r="D130" s="80">
        <v>0.37185151932682103</v>
      </c>
      <c r="E130" s="181">
        <v>0.16906274210251271</v>
      </c>
      <c r="F130" s="89">
        <v>8.8732379829390737E-2</v>
      </c>
      <c r="G130" s="181">
        <v>0.14759495696293926</v>
      </c>
      <c r="H130" s="89">
        <v>8.4784933191360948E-2</v>
      </c>
      <c r="I130" s="181">
        <v>0.66261934552742896</v>
      </c>
      <c r="J130" s="89">
        <v>0.10840786899693333</v>
      </c>
      <c r="K130" s="88">
        <v>2.0722955407119215E-2</v>
      </c>
      <c r="L130" s="89">
        <v>4.7558159861811819E-2</v>
      </c>
    </row>
    <row r="131" spans="1:15">
      <c r="A131" s="44" t="s">
        <v>546</v>
      </c>
      <c r="B131" s="178">
        <v>776</v>
      </c>
      <c r="C131" s="179">
        <v>4.818575478892507</v>
      </c>
      <c r="D131" s="180">
        <v>0.11122921677054685</v>
      </c>
      <c r="E131" s="182">
        <v>0.16978690253334106</v>
      </c>
      <c r="F131" s="92">
        <v>2.6992383418083556E-2</v>
      </c>
      <c r="G131" s="182">
        <v>0.20570874447670204</v>
      </c>
      <c r="H131" s="92">
        <v>2.9025069599261304E-2</v>
      </c>
      <c r="I131" s="182">
        <v>0.56382869310633854</v>
      </c>
      <c r="J131" s="92">
        <v>3.55158019331233E-2</v>
      </c>
      <c r="K131" s="91">
        <v>6.0675659883619726E-2</v>
      </c>
      <c r="L131" s="92">
        <v>1.7389739955137359E-2</v>
      </c>
    </row>
    <row r="132" spans="1:15" ht="24.75" customHeight="1">
      <c r="A132" s="40" t="s">
        <v>547</v>
      </c>
      <c r="B132" s="176">
        <v>127</v>
      </c>
      <c r="C132" s="177">
        <v>4.8464972690596166</v>
      </c>
      <c r="D132" s="80">
        <v>0.27787241988795919</v>
      </c>
      <c r="E132" s="181">
        <v>0.15823840039443565</v>
      </c>
      <c r="F132" s="89">
        <v>6.5434074969429351E-2</v>
      </c>
      <c r="G132" s="181">
        <v>0.16702636242538899</v>
      </c>
      <c r="H132" s="89">
        <v>6.6721698687734698E-2</v>
      </c>
      <c r="I132" s="181">
        <v>0.58301869648951621</v>
      </c>
      <c r="J132" s="89">
        <v>8.6231069310699696E-2</v>
      </c>
      <c r="K132" s="88">
        <v>9.171654069065989E-2</v>
      </c>
      <c r="L132" s="89">
        <v>5.3382980307193434E-2</v>
      </c>
    </row>
    <row r="133" spans="1:15" ht="32.25" customHeight="1">
      <c r="A133" s="44" t="s">
        <v>548</v>
      </c>
      <c r="B133" s="178">
        <v>99</v>
      </c>
      <c r="C133" s="179">
        <v>5.0003549621650452</v>
      </c>
      <c r="D133" s="180">
        <v>0.2873615134074502</v>
      </c>
      <c r="E133" s="182">
        <v>0.14889468343030771</v>
      </c>
      <c r="F133" s="92">
        <v>7.2704720543408888E-2</v>
      </c>
      <c r="G133" s="182">
        <v>0.1532907625910383</v>
      </c>
      <c r="H133" s="92">
        <v>7.3457709279258293E-2</v>
      </c>
      <c r="I133" s="182">
        <v>0.65739486793998536</v>
      </c>
      <c r="J133" s="92">
        <v>9.3914570055100524E-2</v>
      </c>
      <c r="K133" s="91">
        <v>4.0419686038668079E-2</v>
      </c>
      <c r="L133" s="92">
        <v>4.6162384433997415E-2</v>
      </c>
    </row>
    <row r="134" spans="1:15">
      <c r="A134" s="40" t="s">
        <v>538</v>
      </c>
      <c r="B134" s="176">
        <v>125</v>
      </c>
      <c r="C134" s="177">
        <v>5.0331901213451218</v>
      </c>
      <c r="D134" s="80">
        <v>0.25793327109057462</v>
      </c>
      <c r="E134" s="181">
        <v>0.11385733719879605</v>
      </c>
      <c r="F134" s="89">
        <v>5.8401809113423374E-2</v>
      </c>
      <c r="G134" s="181">
        <v>0.19973069227971835</v>
      </c>
      <c r="H134" s="89">
        <v>7.1602493297873354E-2</v>
      </c>
      <c r="I134" s="181">
        <v>0.6864119705214865</v>
      </c>
      <c r="J134" s="89">
        <v>8.2098856899224526E-2</v>
      </c>
      <c r="K134" s="88">
        <v>0</v>
      </c>
      <c r="L134" s="89">
        <v>2.1755160342254897E-2</v>
      </c>
    </row>
    <row r="135" spans="1:15">
      <c r="A135" s="44" t="s">
        <v>539</v>
      </c>
      <c r="B135" s="178">
        <v>96</v>
      </c>
      <c r="C135" s="179">
        <v>4.9853420765714631</v>
      </c>
      <c r="D135" s="180">
        <v>0.29096813281331269</v>
      </c>
      <c r="E135" s="182">
        <v>0.1129107164752077</v>
      </c>
      <c r="F135" s="92">
        <v>6.6905663339472343E-2</v>
      </c>
      <c r="G135" s="182">
        <v>0.21110684823803783</v>
      </c>
      <c r="H135" s="92">
        <v>8.3206719034179144E-2</v>
      </c>
      <c r="I135" s="182">
        <v>0.67598243528675428</v>
      </c>
      <c r="J135" s="92">
        <v>9.4118694458614913E-2</v>
      </c>
      <c r="K135" s="91">
        <v>0</v>
      </c>
      <c r="L135" s="92">
        <v>2.8000000000000001E-2</v>
      </c>
    </row>
    <row r="136" spans="1:15">
      <c r="A136" s="40" t="s">
        <v>540</v>
      </c>
      <c r="B136" s="176">
        <v>261</v>
      </c>
      <c r="C136" s="177">
        <v>5.3769918386521809</v>
      </c>
      <c r="D136" s="80">
        <v>0.18778836706836008</v>
      </c>
      <c r="E136" s="181">
        <v>0.1068711758149202</v>
      </c>
      <c r="F136" s="89">
        <v>3.8867007613054554E-2</v>
      </c>
      <c r="G136" s="181">
        <v>0.1351002981535071</v>
      </c>
      <c r="H136" s="89">
        <v>4.2707879554230554E-2</v>
      </c>
      <c r="I136" s="181">
        <v>0.73641231095610904</v>
      </c>
      <c r="J136" s="89">
        <v>5.4361994767754405E-2</v>
      </c>
      <c r="K136" s="88">
        <v>2.1616215075462283E-2</v>
      </c>
      <c r="L136" s="89">
        <v>2.0560274545018773E-2</v>
      </c>
    </row>
    <row r="137" spans="1:15" ht="25.5">
      <c r="A137" s="44" t="s">
        <v>541</v>
      </c>
      <c r="B137" s="178">
        <v>114</v>
      </c>
      <c r="C137" s="179">
        <v>5.5923719149068045</v>
      </c>
      <c r="D137" s="180">
        <v>0.25928569672479002</v>
      </c>
      <c r="E137" s="182">
        <v>9.7994703535017283E-2</v>
      </c>
      <c r="F137" s="92">
        <v>5.7977941583373847E-2</v>
      </c>
      <c r="G137" s="182">
        <v>9.3674554182336014E-2</v>
      </c>
      <c r="H137" s="92">
        <v>5.7017143226944407E-2</v>
      </c>
      <c r="I137" s="182">
        <v>0.80833074228264745</v>
      </c>
      <c r="J137" s="92">
        <v>7.393725904290574E-2</v>
      </c>
      <c r="K137" s="91">
        <v>0</v>
      </c>
      <c r="L137" s="92">
        <v>2.3765720057393202E-2</v>
      </c>
    </row>
    <row r="138" spans="1:15" ht="25.5">
      <c r="A138" s="52" t="s">
        <v>549</v>
      </c>
      <c r="B138" s="176">
        <v>66</v>
      </c>
      <c r="C138" s="177">
        <v>5.0727720673875369</v>
      </c>
      <c r="D138" s="80">
        <v>0.39884740351957298</v>
      </c>
      <c r="E138" s="181">
        <v>0.11229326437137278</v>
      </c>
      <c r="F138" s="89">
        <v>8.1546371648697102E-2</v>
      </c>
      <c r="G138" s="181">
        <v>0.21379836364596361</v>
      </c>
      <c r="H138" s="89">
        <v>0.10062162727404984</v>
      </c>
      <c r="I138" s="181">
        <v>0.61816815433109984</v>
      </c>
      <c r="J138" s="89">
        <v>0.11651769807573439</v>
      </c>
      <c r="K138" s="88">
        <v>5.5740217651564047E-2</v>
      </c>
      <c r="L138" s="89">
        <v>6.5266479428888399E-2</v>
      </c>
    </row>
    <row r="139" spans="1:15">
      <c r="A139" s="44" t="s">
        <v>543</v>
      </c>
      <c r="B139" s="178">
        <v>81</v>
      </c>
      <c r="C139" s="179">
        <v>5.264091035022747</v>
      </c>
      <c r="D139" s="180">
        <v>0.3479628118962339</v>
      </c>
      <c r="E139" s="182">
        <v>0.11548781582191285</v>
      </c>
      <c r="F139" s="92">
        <v>7.3800437016990655E-2</v>
      </c>
      <c r="G139" s="182">
        <v>0.14120077511213791</v>
      </c>
      <c r="H139" s="92">
        <v>7.9140808763642836E-2</v>
      </c>
      <c r="I139" s="182">
        <v>0.71407729932551745</v>
      </c>
      <c r="J139" s="92">
        <v>9.9026495803851589E-2</v>
      </c>
      <c r="K139" s="91">
        <v>2.9234109740431346E-2</v>
      </c>
      <c r="L139" s="92">
        <v>4.7895520035729708E-2</v>
      </c>
    </row>
    <row r="140" spans="1:15">
      <c r="A140" s="52" t="s">
        <v>544</v>
      </c>
      <c r="B140" s="176">
        <v>112</v>
      </c>
      <c r="C140" s="177">
        <v>5.1266266274783634</v>
      </c>
      <c r="D140" s="80">
        <v>0.31351249442572976</v>
      </c>
      <c r="E140" s="181">
        <v>0.13391588126627973</v>
      </c>
      <c r="F140" s="89">
        <v>6.5670455972166961E-2</v>
      </c>
      <c r="G140" s="181">
        <v>0.15057971306364196</v>
      </c>
      <c r="H140" s="89">
        <v>6.8526510893044956E-2</v>
      </c>
      <c r="I140" s="181">
        <v>0.7074816092930406</v>
      </c>
      <c r="J140" s="89">
        <v>8.5069761353988319E-2</v>
      </c>
      <c r="K140" s="88">
        <v>8.0227963770373705E-3</v>
      </c>
      <c r="L140" s="89">
        <v>2.8984627913992398E-2</v>
      </c>
    </row>
    <row r="141" spans="1:15">
      <c r="A141" s="44" t="s">
        <v>545</v>
      </c>
      <c r="B141" s="178">
        <v>120</v>
      </c>
      <c r="C141" s="179">
        <v>4.9955313372170131</v>
      </c>
      <c r="D141" s="180">
        <v>0.30693301671745821</v>
      </c>
      <c r="E141" s="182">
        <v>0.17282713017116372</v>
      </c>
      <c r="F141" s="92">
        <v>6.9503415600050994E-2</v>
      </c>
      <c r="G141" s="182">
        <v>0.14345685355707816</v>
      </c>
      <c r="H141" s="92">
        <v>6.4992850119727344E-2</v>
      </c>
      <c r="I141" s="182">
        <v>0.63375640063887884</v>
      </c>
      <c r="J141" s="92">
        <v>8.6741152191132945E-2</v>
      </c>
      <c r="K141" s="91">
        <v>4.9959615632879803E-2</v>
      </c>
      <c r="L141" s="92">
        <v>4.4111207612109175E-2</v>
      </c>
    </row>
    <row r="142" spans="1:15" s="236" customFormat="1">
      <c r="A142" s="229"/>
      <c r="B142" s="238"/>
      <c r="C142" s="239"/>
      <c r="D142" s="235"/>
      <c r="E142" s="239"/>
      <c r="F142" s="235"/>
      <c r="G142" s="239"/>
      <c r="H142" s="235"/>
      <c r="I142"/>
      <c r="J142"/>
      <c r="K142"/>
      <c r="L142"/>
      <c r="M142"/>
      <c r="N142"/>
      <c r="O142"/>
    </row>
    <row r="143" spans="1:15" s="236" customFormat="1">
      <c r="A143" s="229"/>
      <c r="B143" s="238"/>
      <c r="C143" s="239"/>
      <c r="D143" s="235"/>
      <c r="E143" s="239"/>
      <c r="F143" s="235"/>
      <c r="G143" s="239"/>
      <c r="H143" s="235"/>
      <c r="I143"/>
      <c r="J143"/>
      <c r="K143"/>
      <c r="L143"/>
      <c r="M143"/>
      <c r="N143"/>
      <c r="O143"/>
    </row>
    <row r="144" spans="1:15" s="236" customFormat="1">
      <c r="A144" s="229"/>
      <c r="B144" s="238"/>
      <c r="C144" s="239"/>
      <c r="D144" s="235"/>
      <c r="E144" s="239"/>
      <c r="F144" s="235"/>
      <c r="G144" s="239"/>
      <c r="H144" s="235"/>
      <c r="I144"/>
      <c r="J144"/>
      <c r="K144"/>
      <c r="L144"/>
      <c r="M144"/>
      <c r="N144"/>
      <c r="O144"/>
    </row>
    <row r="145" spans="1:15" s="236" customFormat="1">
      <c r="A145" s="229"/>
      <c r="B145" s="238"/>
      <c r="C145" s="239"/>
      <c r="D145" s="235"/>
      <c r="E145" s="239"/>
      <c r="F145" s="235"/>
      <c r="G145" s="239"/>
      <c r="H145" s="235"/>
      <c r="I145"/>
      <c r="J145"/>
      <c r="K145"/>
      <c r="L145"/>
      <c r="M145"/>
      <c r="N145"/>
      <c r="O145"/>
    </row>
    <row r="146" spans="1:15" s="236" customFormat="1">
      <c r="A146" s="229"/>
      <c r="B146" s="238"/>
      <c r="C146" s="239"/>
      <c r="D146" s="235"/>
      <c r="E146" s="239"/>
      <c r="F146" s="235"/>
      <c r="G146" s="239"/>
      <c r="H146" s="235"/>
      <c r="I146"/>
      <c r="J146"/>
      <c r="K146"/>
      <c r="L146"/>
      <c r="M146"/>
      <c r="N146"/>
      <c r="O146"/>
    </row>
    <row r="147" spans="1:15" s="236" customFormat="1">
      <c r="A147" s="229"/>
      <c r="B147" s="238"/>
      <c r="C147" s="239"/>
      <c r="D147" s="235"/>
      <c r="E147" s="239"/>
      <c r="F147" s="235"/>
      <c r="G147" s="239"/>
      <c r="H147" s="235"/>
      <c r="I147"/>
      <c r="J147"/>
      <c r="K147"/>
      <c r="L147"/>
      <c r="M147"/>
      <c r="N147"/>
      <c r="O147"/>
    </row>
    <row r="148" spans="1:15" ht="18.75">
      <c r="A148" s="333" t="s">
        <v>30</v>
      </c>
      <c r="B148" s="333"/>
      <c r="C148" s="333"/>
      <c r="D148" s="333"/>
      <c r="E148" s="333"/>
      <c r="F148" s="333"/>
      <c r="G148" s="333"/>
      <c r="H148" s="333"/>
      <c r="I148" s="333"/>
      <c r="J148" s="333"/>
    </row>
    <row r="149" spans="1:15" ht="38.25" customHeight="1">
      <c r="A149" s="406" t="s">
        <v>318</v>
      </c>
      <c r="B149" s="406"/>
      <c r="C149" s="406"/>
      <c r="D149" s="406"/>
      <c r="E149" s="406"/>
      <c r="F149" s="406"/>
      <c r="G149" s="406"/>
      <c r="H149" s="406"/>
      <c r="I149" s="406"/>
      <c r="J149" s="406"/>
    </row>
    <row r="150" spans="1:15" ht="36" customHeight="1">
      <c r="A150" s="285" t="s">
        <v>220</v>
      </c>
      <c r="B150" s="286"/>
      <c r="C150" s="286"/>
      <c r="D150" s="286"/>
      <c r="E150" s="286"/>
      <c r="F150" s="286"/>
      <c r="G150" s="286"/>
      <c r="H150" s="286"/>
      <c r="I150" s="286"/>
      <c r="J150" s="286"/>
    </row>
    <row r="151" spans="1:15" ht="37.5" customHeight="1">
      <c r="A151" s="103" t="s">
        <v>71</v>
      </c>
      <c r="B151" s="33" t="s">
        <v>72</v>
      </c>
      <c r="C151" s="34" t="s">
        <v>583</v>
      </c>
      <c r="D151" s="35" t="s">
        <v>73</v>
      </c>
      <c r="E151" s="33" t="s">
        <v>219</v>
      </c>
      <c r="F151" s="84" t="s">
        <v>138</v>
      </c>
      <c r="G151" s="33" t="s">
        <v>139</v>
      </c>
      <c r="H151" s="84" t="s">
        <v>140</v>
      </c>
      <c r="I151" s="33" t="s">
        <v>319</v>
      </c>
      <c r="J151" s="84" t="s">
        <v>320</v>
      </c>
    </row>
    <row r="152" spans="1:15" ht="72">
      <c r="A152" s="104"/>
      <c r="B152" s="37" t="s">
        <v>74</v>
      </c>
      <c r="C152" s="121" t="s">
        <v>306</v>
      </c>
      <c r="D152" s="39" t="s">
        <v>76</v>
      </c>
      <c r="E152" s="37" t="s">
        <v>183</v>
      </c>
      <c r="F152" s="86" t="s">
        <v>88</v>
      </c>
      <c r="G152" s="37" t="s">
        <v>184</v>
      </c>
      <c r="H152" s="86" t="s">
        <v>88</v>
      </c>
      <c r="I152" s="37" t="s">
        <v>185</v>
      </c>
      <c r="J152" s="86" t="s">
        <v>88</v>
      </c>
    </row>
    <row r="153" spans="1:15">
      <c r="A153" s="40" t="s">
        <v>350</v>
      </c>
      <c r="B153" s="183">
        <v>13851</v>
      </c>
      <c r="C153" s="177">
        <v>3.0329160970560132</v>
      </c>
      <c r="D153" s="80">
        <v>3.6623511781898717E-2</v>
      </c>
      <c r="E153" s="184">
        <v>0.37105043020143802</v>
      </c>
      <c r="F153" s="89">
        <v>8.2084289746870275E-3</v>
      </c>
      <c r="G153" s="184">
        <v>0.34435669868004803</v>
      </c>
      <c r="H153" s="89">
        <v>8.0738051360290924E-3</v>
      </c>
      <c r="I153" s="184">
        <v>0.28459287111853304</v>
      </c>
      <c r="J153" s="89">
        <v>7.6673261852317435E-3</v>
      </c>
    </row>
    <row r="154" spans="1:15">
      <c r="A154" s="44" t="s">
        <v>351</v>
      </c>
      <c r="B154" s="44">
        <v>10168</v>
      </c>
      <c r="C154" s="179">
        <v>3.2855500810756517</v>
      </c>
      <c r="D154" s="180">
        <v>4.3504768149603079E-2</v>
      </c>
      <c r="E154" s="186">
        <v>0.33692624218903311</v>
      </c>
      <c r="F154" s="92">
        <v>9.3733640094873748E-3</v>
      </c>
      <c r="G154" s="186">
        <v>0.33185389271766746</v>
      </c>
      <c r="H154" s="92">
        <v>9.3380838807650968E-3</v>
      </c>
      <c r="I154" s="186">
        <v>0.3312198650932992</v>
      </c>
      <c r="J154" s="92">
        <v>9.3335884448259264E-3</v>
      </c>
    </row>
    <row r="155" spans="1:15">
      <c r="A155" s="40" t="s">
        <v>352</v>
      </c>
      <c r="B155" s="48">
        <v>3683</v>
      </c>
      <c r="C155" s="177">
        <v>2.8273523170568304</v>
      </c>
      <c r="D155" s="80">
        <v>6.3360027012683451E-2</v>
      </c>
      <c r="E155" s="184">
        <v>0.39881667512865937</v>
      </c>
      <c r="F155" s="89">
        <v>1.6128859226447259E-2</v>
      </c>
      <c r="G155" s="184">
        <v>0.35453000954395897</v>
      </c>
      <c r="H155" s="89">
        <v>1.5758014580535377E-2</v>
      </c>
      <c r="I155" s="184">
        <v>0.24665331532738238</v>
      </c>
      <c r="J155" s="89">
        <v>1.4203551377707875E-2</v>
      </c>
    </row>
    <row r="156" spans="1:15">
      <c r="A156" s="44" t="s">
        <v>534</v>
      </c>
      <c r="B156" s="44">
        <v>1689</v>
      </c>
      <c r="C156" s="179">
        <v>2.9095557517220749</v>
      </c>
      <c r="D156" s="180">
        <v>0.10277810202404321</v>
      </c>
      <c r="E156" s="186">
        <v>0.40316487492176839</v>
      </c>
      <c r="F156" s="92">
        <v>2.3845694935379452E-2</v>
      </c>
      <c r="G156" s="186">
        <v>0.32486006549974</v>
      </c>
      <c r="H156" s="92">
        <v>2.2771407090952607E-2</v>
      </c>
      <c r="I156" s="186">
        <v>0.27197505957849094</v>
      </c>
      <c r="J156" s="92">
        <v>2.164253605820252E-2</v>
      </c>
    </row>
    <row r="157" spans="1:15">
      <c r="A157" s="40" t="s">
        <v>535</v>
      </c>
      <c r="B157" s="48">
        <v>925</v>
      </c>
      <c r="C157" s="177">
        <v>3.535250476255503</v>
      </c>
      <c r="D157" s="80">
        <v>0.14413156783793879</v>
      </c>
      <c r="E157" s="184">
        <v>0.2948231422319405</v>
      </c>
      <c r="F157" s="89">
        <v>2.9945353587474598E-2</v>
      </c>
      <c r="G157" s="184">
        <v>0.32335296568066646</v>
      </c>
      <c r="H157" s="89">
        <v>3.0711965019002647E-2</v>
      </c>
      <c r="I157" s="184">
        <v>0.38182389208739215</v>
      </c>
      <c r="J157" s="89">
        <v>3.1887477898577599E-2</v>
      </c>
    </row>
    <row r="158" spans="1:15">
      <c r="A158" s="44" t="s">
        <v>536</v>
      </c>
      <c r="B158" s="44">
        <v>198</v>
      </c>
      <c r="C158" s="179">
        <v>3.4632923325958158</v>
      </c>
      <c r="D158" s="180">
        <v>0.31888751607990828</v>
      </c>
      <c r="E158" s="186">
        <v>0.28594859125150401</v>
      </c>
      <c r="F158" s="92">
        <v>6.3865360047608441E-2</v>
      </c>
      <c r="G158" s="186">
        <v>0.3597099532433265</v>
      </c>
      <c r="H158" s="92">
        <v>6.7646495624285846E-2</v>
      </c>
      <c r="I158" s="186">
        <v>0.35434145550516916</v>
      </c>
      <c r="J158" s="92">
        <v>6.7430275392327169E-2</v>
      </c>
    </row>
    <row r="159" spans="1:15">
      <c r="A159" s="40" t="s">
        <v>537</v>
      </c>
      <c r="B159" s="48">
        <v>73</v>
      </c>
      <c r="C159" s="177">
        <v>3.9204661772141116</v>
      </c>
      <c r="D159" s="80">
        <v>0.55796281943421522</v>
      </c>
      <c r="E159" s="184">
        <v>0.32723155573926055</v>
      </c>
      <c r="F159" s="89">
        <v>0.10767235109512796</v>
      </c>
      <c r="G159" s="184">
        <v>0.20877689719730164</v>
      </c>
      <c r="H159" s="89">
        <v>9.5011073947570107E-2</v>
      </c>
      <c r="I159" s="184">
        <v>0.46399154706343793</v>
      </c>
      <c r="J159" s="89">
        <v>0.1136946479863446</v>
      </c>
    </row>
    <row r="160" spans="1:15">
      <c r="A160" s="44" t="s">
        <v>546</v>
      </c>
      <c r="B160" s="44">
        <v>772</v>
      </c>
      <c r="C160" s="179">
        <v>2.6412763846854692</v>
      </c>
      <c r="D160" s="180">
        <v>0.13568679822394461</v>
      </c>
      <c r="E160" s="186">
        <v>0.45060791010853918</v>
      </c>
      <c r="F160" s="92">
        <v>3.5724136843985545E-2</v>
      </c>
      <c r="G160" s="186">
        <v>0.3244434459304299</v>
      </c>
      <c r="H160" s="92">
        <v>3.3636689165198408E-2</v>
      </c>
      <c r="I160" s="186">
        <v>0.22494864396103187</v>
      </c>
      <c r="J160" s="92">
        <v>3.0045041085913462E-2</v>
      </c>
    </row>
    <row r="161" spans="1:10">
      <c r="A161" s="40" t="s">
        <v>547</v>
      </c>
      <c r="B161" s="48">
        <v>126</v>
      </c>
      <c r="C161" s="177">
        <v>3.0062350237225699</v>
      </c>
      <c r="D161" s="80">
        <v>0.36550458273460806</v>
      </c>
      <c r="E161" s="184">
        <v>0.39236866125555414</v>
      </c>
      <c r="F161" s="89">
        <v>8.577563217920206E-2</v>
      </c>
      <c r="G161" s="184">
        <v>0.33462224498206178</v>
      </c>
      <c r="H161" s="89">
        <v>8.3076863310888219E-2</v>
      </c>
      <c r="I161" s="184">
        <v>0.27300909376238464</v>
      </c>
      <c r="J161" s="89">
        <v>7.8759050052081517E-2</v>
      </c>
    </row>
    <row r="162" spans="1:10">
      <c r="A162" s="44" t="s">
        <v>548</v>
      </c>
      <c r="B162" s="44">
        <v>98</v>
      </c>
      <c r="C162" s="179">
        <v>3.0184547974160996</v>
      </c>
      <c r="D162" s="180">
        <v>0.4119053039005971</v>
      </c>
      <c r="E162" s="186">
        <v>0.38880440286207557</v>
      </c>
      <c r="F162" s="92">
        <v>9.6728097967066232E-2</v>
      </c>
      <c r="G162" s="186">
        <v>0.31937775930529083</v>
      </c>
      <c r="H162" s="92">
        <v>9.2859626313200452E-2</v>
      </c>
      <c r="I162" s="186">
        <v>0.29181783783263293</v>
      </c>
      <c r="J162" s="92">
        <v>9.0746952057543961E-2</v>
      </c>
    </row>
    <row r="163" spans="1:10">
      <c r="A163" s="40" t="s">
        <v>538</v>
      </c>
      <c r="B163" s="183">
        <v>126</v>
      </c>
      <c r="C163" s="177">
        <v>3.4119997106571995</v>
      </c>
      <c r="D163" s="80">
        <v>0.38602107023667331</v>
      </c>
      <c r="E163" s="184">
        <v>0.29277411373704387</v>
      </c>
      <c r="F163" s="89">
        <v>8.0318480667191161E-2</v>
      </c>
      <c r="G163" s="184">
        <v>0.33310976826806582</v>
      </c>
      <c r="H163" s="89">
        <v>8.2989391759421716E-2</v>
      </c>
      <c r="I163" s="184">
        <v>0.37411611799489086</v>
      </c>
      <c r="J163" s="89">
        <v>8.5054449552566386E-2</v>
      </c>
    </row>
    <row r="164" spans="1:10">
      <c r="A164" s="44" t="s">
        <v>539</v>
      </c>
      <c r="B164" s="185">
        <v>97</v>
      </c>
      <c r="C164" s="179">
        <v>3.2809262706186431</v>
      </c>
      <c r="D164" s="180">
        <v>0.42106995184517959</v>
      </c>
      <c r="E164" s="186">
        <v>0.31376040846205699</v>
      </c>
      <c r="F164" s="92">
        <v>9.2919160684976868E-2</v>
      </c>
      <c r="G164" s="186">
        <v>0.35184442620499873</v>
      </c>
      <c r="H164" s="92">
        <v>9.5389585243527142E-2</v>
      </c>
      <c r="I164" s="186">
        <v>0.33439516533294378</v>
      </c>
      <c r="J164" s="92">
        <v>9.4335465767488219E-2</v>
      </c>
    </row>
    <row r="165" spans="1:10">
      <c r="A165" s="40" t="s">
        <v>540</v>
      </c>
      <c r="B165" s="49">
        <v>260</v>
      </c>
      <c r="C165" s="177">
        <v>3.4589600565113225</v>
      </c>
      <c r="D165" s="80">
        <v>0.2637064078982686</v>
      </c>
      <c r="E165" s="184">
        <v>0.29447112808700193</v>
      </c>
      <c r="F165" s="89">
        <v>5.6276946341918987E-2</v>
      </c>
      <c r="G165" s="184">
        <v>0.37093007881204387</v>
      </c>
      <c r="H165" s="89">
        <v>5.9523607563432564E-2</v>
      </c>
      <c r="I165" s="184">
        <v>0.33459879310095336</v>
      </c>
      <c r="J165" s="89">
        <v>5.8187937059739479E-2</v>
      </c>
    </row>
    <row r="166" spans="1:10" ht="25.5">
      <c r="A166" s="44" t="s">
        <v>541</v>
      </c>
      <c r="B166" s="185">
        <v>112</v>
      </c>
      <c r="C166" s="179">
        <v>3.2552560342681338</v>
      </c>
      <c r="D166" s="180">
        <v>0.39166427064630344</v>
      </c>
      <c r="E166" s="186">
        <v>0.32879481177172565</v>
      </c>
      <c r="F166" s="92">
        <v>8.7626832985914255E-2</v>
      </c>
      <c r="G166" s="186">
        <v>0.3784310765353226</v>
      </c>
      <c r="H166" s="92">
        <v>9.0253028474046815E-2</v>
      </c>
      <c r="I166" s="186">
        <v>0.29277411169295253</v>
      </c>
      <c r="J166" s="92">
        <v>8.5089795645105673E-2</v>
      </c>
    </row>
    <row r="167" spans="1:10" ht="25.5">
      <c r="A167" s="52" t="s">
        <v>549</v>
      </c>
      <c r="B167" s="183">
        <v>68</v>
      </c>
      <c r="C167" s="177">
        <v>3.898226605268257</v>
      </c>
      <c r="D167" s="80">
        <v>0.51168808020295309</v>
      </c>
      <c r="E167" s="184">
        <v>0.17984565275743994</v>
      </c>
      <c r="F167" s="89">
        <v>9.3859704947421158E-2</v>
      </c>
      <c r="G167" s="184">
        <v>0.38460936325896111</v>
      </c>
      <c r="H167" s="89">
        <v>0.11501771593373403</v>
      </c>
      <c r="I167" s="184">
        <v>0.43554498398359942</v>
      </c>
      <c r="J167" s="89">
        <v>0.11697443547654149</v>
      </c>
    </row>
    <row r="168" spans="1:10">
      <c r="A168" s="44" t="s">
        <v>543</v>
      </c>
      <c r="B168" s="185">
        <v>80</v>
      </c>
      <c r="C168" s="179">
        <v>3.4446820935971285</v>
      </c>
      <c r="D168" s="180">
        <v>0.49432270503069226</v>
      </c>
      <c r="E168" s="186">
        <v>0.32377337688609392</v>
      </c>
      <c r="F168" s="92">
        <v>0.10277841475687416</v>
      </c>
      <c r="G168" s="186">
        <v>0.3516829491353996</v>
      </c>
      <c r="H168" s="92">
        <v>0.10466436449134732</v>
      </c>
      <c r="I168" s="186">
        <v>0.32454367397850581</v>
      </c>
      <c r="J168" s="92">
        <v>0.10283532095278462</v>
      </c>
    </row>
    <row r="169" spans="1:10">
      <c r="A169" s="52" t="s">
        <v>544</v>
      </c>
      <c r="B169" s="183">
        <v>113</v>
      </c>
      <c r="C169" s="177">
        <v>4.0596575010991165</v>
      </c>
      <c r="D169" s="80">
        <v>0.42758353149272532</v>
      </c>
      <c r="E169" s="184">
        <v>0.22512589462233273</v>
      </c>
      <c r="F169" s="89">
        <v>7.8342251913954691E-2</v>
      </c>
      <c r="G169" s="184">
        <v>0.29035507603477462</v>
      </c>
      <c r="H169" s="89">
        <v>8.453044384804051E-2</v>
      </c>
      <c r="I169" s="184">
        <v>0.48451902934289243</v>
      </c>
      <c r="J169" s="89">
        <v>9.2408688396536071E-2</v>
      </c>
    </row>
    <row r="170" spans="1:10">
      <c r="A170" s="44" t="s">
        <v>545</v>
      </c>
      <c r="B170" s="185">
        <v>122</v>
      </c>
      <c r="C170" s="179">
        <v>3.7282607867090674</v>
      </c>
      <c r="D170" s="180">
        <v>0.40034137919753965</v>
      </c>
      <c r="E170" s="186">
        <v>0.28640804468681902</v>
      </c>
      <c r="F170" s="92">
        <v>8.1109196126387242E-2</v>
      </c>
      <c r="G170" s="186">
        <v>0.26717447842451791</v>
      </c>
      <c r="H170" s="92">
        <v>7.9518272954500785E-2</v>
      </c>
      <c r="I170" s="186">
        <v>0.44641747688866373</v>
      </c>
      <c r="J170" s="92">
        <v>8.8606193292773028E-2</v>
      </c>
    </row>
    <row r="177" spans="1:4" ht="18.75">
      <c r="A177" s="335" t="s">
        <v>13</v>
      </c>
      <c r="B177" s="335"/>
      <c r="C177" s="335"/>
      <c r="D177" s="335"/>
    </row>
    <row r="178" spans="1:4" ht="92.25" customHeight="1">
      <c r="A178" s="389" t="s">
        <v>398</v>
      </c>
      <c r="B178" s="389"/>
      <c r="C178" s="389"/>
      <c r="D178" s="389"/>
    </row>
    <row r="179" spans="1:4" ht="47.25" customHeight="1">
      <c r="A179" s="410" t="s">
        <v>14</v>
      </c>
      <c r="B179" s="337"/>
      <c r="C179" s="337"/>
      <c r="D179" s="337"/>
    </row>
    <row r="180" spans="1:4" ht="72">
      <c r="A180" s="32" t="s">
        <v>71</v>
      </c>
      <c r="B180" s="33" t="s">
        <v>72</v>
      </c>
      <c r="C180" s="34" t="s">
        <v>584</v>
      </c>
      <c r="D180" s="35" t="s">
        <v>73</v>
      </c>
    </row>
    <row r="181" spans="1:4" ht="72">
      <c r="A181" s="36"/>
      <c r="B181" s="37" t="s">
        <v>74</v>
      </c>
      <c r="C181" s="121" t="s">
        <v>399</v>
      </c>
      <c r="D181" s="39" t="s">
        <v>76</v>
      </c>
    </row>
    <row r="182" spans="1:4">
      <c r="A182" s="40" t="s">
        <v>350</v>
      </c>
      <c r="B182" s="159">
        <v>13827</v>
      </c>
      <c r="C182" s="160">
        <v>5.0982380875424731</v>
      </c>
      <c r="D182" s="81">
        <v>2.4190472874140591E-2</v>
      </c>
    </row>
    <row r="183" spans="1:4">
      <c r="A183" s="44" t="s">
        <v>351</v>
      </c>
      <c r="B183" s="44">
        <v>10151</v>
      </c>
      <c r="C183" s="162">
        <v>5.3220089317492016</v>
      </c>
      <c r="D183" s="82">
        <v>2.8117786814764043E-2</v>
      </c>
    </row>
    <row r="184" spans="1:4">
      <c r="A184" s="40" t="s">
        <v>352</v>
      </c>
      <c r="B184" s="48">
        <v>3676</v>
      </c>
      <c r="C184" s="160">
        <v>4.9158790423429561</v>
      </c>
      <c r="D184" s="81">
        <v>4.4776993159336351E-2</v>
      </c>
    </row>
    <row r="185" spans="1:4">
      <c r="A185" s="44" t="s">
        <v>534</v>
      </c>
      <c r="B185" s="44">
        <v>1686</v>
      </c>
      <c r="C185" s="162">
        <v>5.0033954952482071</v>
      </c>
      <c r="D185" s="82">
        <v>7.2259707513225052E-2</v>
      </c>
    </row>
    <row r="186" spans="1:4">
      <c r="A186" s="40" t="s">
        <v>535</v>
      </c>
      <c r="B186" s="48">
        <v>922</v>
      </c>
      <c r="C186" s="160">
        <v>5.2958817479488189</v>
      </c>
      <c r="D186" s="81">
        <v>9.9102881853863928E-2</v>
      </c>
    </row>
    <row r="187" spans="1:4">
      <c r="A187" s="44" t="s">
        <v>536</v>
      </c>
      <c r="B187" s="44">
        <v>198</v>
      </c>
      <c r="C187" s="162">
        <v>5.3798039302706009</v>
      </c>
      <c r="D187" s="82">
        <v>0.21016568398258528</v>
      </c>
    </row>
    <row r="188" spans="1:4">
      <c r="A188" s="40" t="s">
        <v>537</v>
      </c>
      <c r="B188" s="48">
        <v>73</v>
      </c>
      <c r="C188" s="160">
        <v>5.4167790052129439</v>
      </c>
      <c r="D188" s="81">
        <v>0.37770616746967306</v>
      </c>
    </row>
    <row r="189" spans="1:4">
      <c r="A189" s="44" t="s">
        <v>546</v>
      </c>
      <c r="B189" s="44">
        <v>772</v>
      </c>
      <c r="C189" s="162">
        <v>4.8830105578626481</v>
      </c>
      <c r="D189" s="82">
        <v>0.10175048348300798</v>
      </c>
    </row>
    <row r="190" spans="1:4">
      <c r="A190" s="40" t="s">
        <v>547</v>
      </c>
      <c r="B190" s="48">
        <v>126</v>
      </c>
      <c r="C190" s="160">
        <v>4.8710926499995102</v>
      </c>
      <c r="D190" s="81">
        <v>0.26366664117411276</v>
      </c>
    </row>
    <row r="191" spans="1:4">
      <c r="A191" s="44" t="s">
        <v>548</v>
      </c>
      <c r="B191" s="44">
        <v>98</v>
      </c>
      <c r="C191" s="162">
        <v>5.0746251771633313</v>
      </c>
      <c r="D191" s="82">
        <v>0.29393643093286898</v>
      </c>
    </row>
    <row r="192" spans="1:4">
      <c r="A192" s="40" t="s">
        <v>538</v>
      </c>
      <c r="B192" s="159">
        <v>125</v>
      </c>
      <c r="C192" s="160">
        <v>5.2163739384748204</v>
      </c>
      <c r="D192" s="81">
        <v>0.26545103496261607</v>
      </c>
    </row>
    <row r="193" spans="1:34">
      <c r="A193" s="44" t="s">
        <v>539</v>
      </c>
      <c r="B193" s="161">
        <v>96</v>
      </c>
      <c r="C193" s="162">
        <v>5.0770407649796896</v>
      </c>
      <c r="D193" s="82">
        <v>0.31200727106828807</v>
      </c>
    </row>
    <row r="194" spans="1:34">
      <c r="A194" s="40" t="s">
        <v>540</v>
      </c>
      <c r="B194" s="78">
        <v>262</v>
      </c>
      <c r="C194" s="160">
        <v>5.5541302173959428</v>
      </c>
      <c r="D194" s="81">
        <v>0.17247308366355996</v>
      </c>
    </row>
    <row r="195" spans="1:34" ht="25.5">
      <c r="A195" s="44" t="s">
        <v>541</v>
      </c>
      <c r="B195" s="161">
        <v>114</v>
      </c>
      <c r="C195" s="162">
        <v>5.8830272333543698</v>
      </c>
      <c r="D195" s="82">
        <v>0.21289851962613796</v>
      </c>
    </row>
    <row r="196" spans="1:34" ht="25.5">
      <c r="A196" s="52" t="s">
        <v>549</v>
      </c>
      <c r="B196" s="159">
        <v>68</v>
      </c>
      <c r="C196" s="160">
        <v>5.2091376203755573</v>
      </c>
      <c r="D196" s="81">
        <v>0.39754414026084162</v>
      </c>
    </row>
    <row r="197" spans="1:34">
      <c r="A197" s="44" t="s">
        <v>543</v>
      </c>
      <c r="B197" s="161">
        <v>80</v>
      </c>
      <c r="C197" s="162">
        <v>5.3293012210230239</v>
      </c>
      <c r="D197" s="82">
        <v>0.3277387208249718</v>
      </c>
    </row>
    <row r="198" spans="1:34">
      <c r="A198" s="52" t="s">
        <v>544</v>
      </c>
      <c r="B198" s="159">
        <v>112</v>
      </c>
      <c r="C198" s="160">
        <v>5.1258358003185753</v>
      </c>
      <c r="D198" s="81">
        <v>0.3199185703294537</v>
      </c>
    </row>
    <row r="199" spans="1:34">
      <c r="A199" s="44" t="s">
        <v>545</v>
      </c>
      <c r="B199" s="161">
        <v>119</v>
      </c>
      <c r="C199" s="162">
        <v>5.3137172470567657</v>
      </c>
      <c r="D199" s="82">
        <v>0.29493444575469979</v>
      </c>
    </row>
    <row r="206" spans="1:34" ht="18.75">
      <c r="A206" s="335" t="s">
        <v>400</v>
      </c>
      <c r="B206" s="335"/>
      <c r="C206" s="335"/>
      <c r="D206" s="335"/>
      <c r="E206" s="335"/>
      <c r="F206" s="335"/>
      <c r="G206" s="335"/>
      <c r="H206" s="335"/>
      <c r="I206" s="335"/>
      <c r="J206" s="335"/>
      <c r="K206" s="335"/>
      <c r="L206" s="335"/>
      <c r="M206" s="335"/>
      <c r="N206" s="335"/>
      <c r="O206" s="335"/>
      <c r="P206" s="335"/>
      <c r="Q206" s="335"/>
      <c r="R206" s="335"/>
      <c r="S206" s="335"/>
      <c r="T206" s="335"/>
      <c r="U206" s="335"/>
      <c r="V206" s="335"/>
      <c r="W206" s="335"/>
      <c r="X206" s="335"/>
      <c r="Y206" s="335"/>
      <c r="Z206" s="335"/>
      <c r="AA206" s="335"/>
      <c r="AB206" s="335"/>
      <c r="AC206" s="335"/>
      <c r="AD206" s="335"/>
      <c r="AE206" s="335"/>
      <c r="AF206" s="335"/>
      <c r="AG206" s="335"/>
      <c r="AH206" s="335"/>
    </row>
    <row r="207" spans="1:34" ht="58.5" customHeight="1">
      <c r="A207" s="389" t="s">
        <v>587</v>
      </c>
      <c r="B207" s="389"/>
      <c r="C207" s="389"/>
      <c r="D207" s="389"/>
      <c r="E207" s="389"/>
      <c r="F207" s="389"/>
      <c r="G207" s="389"/>
      <c r="H207" s="389"/>
      <c r="I207" s="389"/>
      <c r="J207" s="389"/>
      <c r="K207" s="389"/>
      <c r="L207" s="389"/>
      <c r="M207" s="389"/>
      <c r="N207" s="389"/>
      <c r="O207" s="389"/>
      <c r="P207" s="389"/>
      <c r="Q207" s="389"/>
      <c r="R207" s="389"/>
      <c r="S207" s="389"/>
      <c r="T207" s="389"/>
      <c r="U207" s="389"/>
      <c r="V207" s="389"/>
      <c r="W207" s="389"/>
      <c r="X207" s="389"/>
      <c r="Y207" s="389"/>
      <c r="Z207" s="389"/>
      <c r="AA207" s="389"/>
      <c r="AB207" s="389"/>
      <c r="AC207" s="389"/>
      <c r="AD207" s="389"/>
      <c r="AE207" s="389"/>
      <c r="AF207" s="389"/>
      <c r="AG207" s="389"/>
      <c r="AH207" s="389"/>
    </row>
    <row r="208" spans="1:34" ht="36" customHeight="1">
      <c r="A208" s="289"/>
      <c r="B208" s="396" t="s">
        <v>141</v>
      </c>
      <c r="C208" s="397"/>
      <c r="D208" s="397"/>
      <c r="E208" s="397"/>
      <c r="F208" s="397"/>
      <c r="G208" s="397"/>
      <c r="H208" s="397"/>
      <c r="I208" s="397"/>
      <c r="J208" s="397"/>
      <c r="K208" s="397"/>
      <c r="L208" s="397"/>
      <c r="M208" s="396" t="s">
        <v>401</v>
      </c>
      <c r="N208" s="397"/>
      <c r="O208" s="397"/>
      <c r="P208" s="397"/>
      <c r="Q208" s="397"/>
      <c r="R208" s="397"/>
      <c r="S208" s="397"/>
      <c r="T208" s="397"/>
      <c r="U208" s="397"/>
      <c r="V208" s="397"/>
      <c r="W208" s="397"/>
      <c r="X208" s="396" t="s">
        <v>402</v>
      </c>
      <c r="Y208" s="397"/>
      <c r="Z208" s="397"/>
      <c r="AA208" s="397"/>
      <c r="AB208" s="397"/>
      <c r="AC208" s="397"/>
      <c r="AD208" s="397"/>
      <c r="AE208" s="397"/>
      <c r="AF208" s="397"/>
      <c r="AG208" s="397"/>
      <c r="AH208" s="397"/>
    </row>
    <row r="209" spans="1:34" ht="39.75" customHeight="1">
      <c r="A209" s="32" t="s">
        <v>71</v>
      </c>
      <c r="B209" s="33" t="s">
        <v>72</v>
      </c>
      <c r="C209" s="34" t="s">
        <v>584</v>
      </c>
      <c r="D209" s="35" t="s">
        <v>73</v>
      </c>
      <c r="E209" s="33" t="s">
        <v>156</v>
      </c>
      <c r="F209" s="84" t="s">
        <v>85</v>
      </c>
      <c r="G209" s="33" t="s">
        <v>157</v>
      </c>
      <c r="H209" s="84" t="s">
        <v>86</v>
      </c>
      <c r="I209" s="33" t="s">
        <v>158</v>
      </c>
      <c r="J209" s="84" t="s">
        <v>87</v>
      </c>
      <c r="K209" s="33" t="s">
        <v>301</v>
      </c>
      <c r="L209" s="84" t="s">
        <v>300</v>
      </c>
      <c r="M209" s="60" t="s">
        <v>72</v>
      </c>
      <c r="N209" s="61" t="s">
        <v>584</v>
      </c>
      <c r="O209" s="62" t="s">
        <v>73</v>
      </c>
      <c r="P209" s="60" t="s">
        <v>156</v>
      </c>
      <c r="Q209" s="83" t="s">
        <v>85</v>
      </c>
      <c r="R209" s="60" t="s">
        <v>157</v>
      </c>
      <c r="S209" s="83" t="s">
        <v>86</v>
      </c>
      <c r="T209" s="60" t="s">
        <v>158</v>
      </c>
      <c r="U209" s="83" t="s">
        <v>87</v>
      </c>
      <c r="V209" s="60" t="s">
        <v>301</v>
      </c>
      <c r="W209" s="83" t="s">
        <v>300</v>
      </c>
      <c r="X209" s="33" t="s">
        <v>72</v>
      </c>
      <c r="Y209" s="34" t="s">
        <v>584</v>
      </c>
      <c r="Z209" s="35" t="s">
        <v>73</v>
      </c>
      <c r="AA209" s="33" t="s">
        <v>158</v>
      </c>
      <c r="AB209" s="84" t="s">
        <v>87</v>
      </c>
      <c r="AC209" s="33" t="s">
        <v>157</v>
      </c>
      <c r="AD209" s="84" t="s">
        <v>86</v>
      </c>
      <c r="AE209" s="33" t="s">
        <v>156</v>
      </c>
      <c r="AF209" s="84" t="s">
        <v>570</v>
      </c>
      <c r="AG209" s="33" t="s">
        <v>301</v>
      </c>
      <c r="AH209" s="84" t="s">
        <v>300</v>
      </c>
    </row>
    <row r="210" spans="1:34" ht="73.5" customHeight="1">
      <c r="A210" s="36"/>
      <c r="B210" s="37" t="s">
        <v>74</v>
      </c>
      <c r="C210" s="121" t="s">
        <v>305</v>
      </c>
      <c r="D210" s="39" t="s">
        <v>76</v>
      </c>
      <c r="E210" s="37" t="s">
        <v>159</v>
      </c>
      <c r="F210" s="86" t="s">
        <v>142</v>
      </c>
      <c r="G210" s="37" t="s">
        <v>160</v>
      </c>
      <c r="H210" s="86" t="s">
        <v>88</v>
      </c>
      <c r="I210" s="37" t="s">
        <v>161</v>
      </c>
      <c r="J210" s="86" t="s">
        <v>88</v>
      </c>
      <c r="K210" s="37" t="s">
        <v>301</v>
      </c>
      <c r="L210" s="86" t="s">
        <v>88</v>
      </c>
      <c r="M210" s="63" t="s">
        <v>74</v>
      </c>
      <c r="N210" s="252" t="s">
        <v>305</v>
      </c>
      <c r="O210" s="65" t="s">
        <v>76</v>
      </c>
      <c r="P210" s="63" t="s">
        <v>159</v>
      </c>
      <c r="Q210" s="85" t="s">
        <v>142</v>
      </c>
      <c r="R210" s="63" t="s">
        <v>160</v>
      </c>
      <c r="S210" s="85" t="s">
        <v>88</v>
      </c>
      <c r="T210" s="63" t="s">
        <v>161</v>
      </c>
      <c r="U210" s="85" t="s">
        <v>88</v>
      </c>
      <c r="V210" s="63" t="s">
        <v>301</v>
      </c>
      <c r="W210" s="85" t="s">
        <v>88</v>
      </c>
      <c r="X210" s="37" t="s">
        <v>74</v>
      </c>
      <c r="Y210" s="121" t="s">
        <v>568</v>
      </c>
      <c r="Z210" s="39" t="s">
        <v>76</v>
      </c>
      <c r="AA210" s="37" t="s">
        <v>161</v>
      </c>
      <c r="AB210" s="86" t="s">
        <v>88</v>
      </c>
      <c r="AC210" s="37" t="s">
        <v>160</v>
      </c>
      <c r="AD210" s="86" t="s">
        <v>88</v>
      </c>
      <c r="AE210" s="37" t="s">
        <v>159</v>
      </c>
      <c r="AF210" s="86" t="s">
        <v>88</v>
      </c>
      <c r="AG210" s="37" t="s">
        <v>301</v>
      </c>
      <c r="AH210" s="86" t="s">
        <v>88</v>
      </c>
    </row>
    <row r="211" spans="1:34">
      <c r="A211" s="40" t="s">
        <v>350</v>
      </c>
      <c r="B211" s="187">
        <v>13943</v>
      </c>
      <c r="C211" s="177">
        <v>5.2674529049140011</v>
      </c>
      <c r="D211" s="80">
        <v>2.5396140619569116E-2</v>
      </c>
      <c r="E211" s="184">
        <v>0.13037988512584719</v>
      </c>
      <c r="F211" s="89">
        <v>5.704396323305696E-3</v>
      </c>
      <c r="G211" s="184">
        <v>0.14594893252937521</v>
      </c>
      <c r="H211" s="89">
        <v>5.9807711118543905E-3</v>
      </c>
      <c r="I211" s="184">
        <v>0.70924715130903837</v>
      </c>
      <c r="J211" s="89">
        <v>7.6908939904346855E-3</v>
      </c>
      <c r="K211" s="184">
        <v>1.4424031035749629E-2</v>
      </c>
      <c r="L211" s="89">
        <v>2.0287744870067449E-3</v>
      </c>
      <c r="M211" s="187">
        <v>13859</v>
      </c>
      <c r="N211" s="177">
        <v>4.9898617291731453</v>
      </c>
      <c r="O211" s="80">
        <v>2.7329001428974493E-2</v>
      </c>
      <c r="P211" s="184">
        <v>0.17905338823202274</v>
      </c>
      <c r="Q211" s="89">
        <v>6.5138521239697291E-3</v>
      </c>
      <c r="R211" s="184">
        <v>0.16401517979330132</v>
      </c>
      <c r="S211" s="89">
        <v>6.2913772908889821E-3</v>
      </c>
      <c r="T211" s="184">
        <v>0.64197233469599102</v>
      </c>
      <c r="U211" s="89">
        <v>8.143832280892601E-3</v>
      </c>
      <c r="V211" s="184">
        <v>1.4959097278701537E-2</v>
      </c>
      <c r="W211" s="89">
        <v>2.0714405463674937E-3</v>
      </c>
      <c r="X211" s="187">
        <v>13854</v>
      </c>
      <c r="Y211" s="177">
        <v>5.044863519472699</v>
      </c>
      <c r="Z211" s="80">
        <v>3.0716765481605339E-2</v>
      </c>
      <c r="AA211" s="184">
        <v>0.23058309098054219</v>
      </c>
      <c r="AB211" s="89">
        <v>7.1569104274514499E-3</v>
      </c>
      <c r="AC211" s="184">
        <v>0.10805259362280144</v>
      </c>
      <c r="AD211" s="89">
        <v>5.2767513683299504E-3</v>
      </c>
      <c r="AE211" s="184">
        <v>0.64754024686774148</v>
      </c>
      <c r="AF211" s="89">
        <v>8.1167061002784049E-3</v>
      </c>
      <c r="AG211" s="184">
        <v>1.3824068528934631E-2</v>
      </c>
      <c r="AH211" s="89">
        <v>1.993595956119424E-3</v>
      </c>
    </row>
    <row r="212" spans="1:34">
      <c r="A212" s="44" t="s">
        <v>351</v>
      </c>
      <c r="B212" s="44">
        <v>10220</v>
      </c>
      <c r="C212" s="179">
        <v>5.4582937986452427</v>
      </c>
      <c r="D212" s="180">
        <v>2.9161141284772256E-2</v>
      </c>
      <c r="E212" s="186">
        <v>0.11475980873372124</v>
      </c>
      <c r="F212" s="92">
        <v>6.3080201788134381E-3</v>
      </c>
      <c r="G212" s="186">
        <v>0.12081702264701885</v>
      </c>
      <c r="H212" s="92">
        <v>6.4499017770815598E-3</v>
      </c>
      <c r="I212" s="186">
        <v>0.7541948219122131</v>
      </c>
      <c r="J212" s="92">
        <v>8.5175769222327509E-3</v>
      </c>
      <c r="K212" s="186">
        <v>1.0228346707037489E-2</v>
      </c>
      <c r="L212" s="92">
        <v>2.0085291069678415E-3</v>
      </c>
      <c r="M212" s="44">
        <v>10157</v>
      </c>
      <c r="N212" s="179">
        <v>5.1796464492033865</v>
      </c>
      <c r="O212" s="180">
        <v>3.1525837329850398E-2</v>
      </c>
      <c r="P212" s="186">
        <v>0.16256264098281814</v>
      </c>
      <c r="Q212" s="92">
        <v>7.3230370034518804E-3</v>
      </c>
      <c r="R212" s="186">
        <v>0.13803092907982234</v>
      </c>
      <c r="S212" s="92">
        <v>6.8467420952802007E-3</v>
      </c>
      <c r="T212" s="186">
        <v>0.68924169751998188</v>
      </c>
      <c r="U212" s="92">
        <v>9.1830614394183482E-3</v>
      </c>
      <c r="V212" s="186">
        <v>1.0164732417369877E-2</v>
      </c>
      <c r="W212" s="92">
        <v>2.0087676023535467E-3</v>
      </c>
      <c r="X212" s="44">
        <v>10145</v>
      </c>
      <c r="Y212" s="179">
        <v>5.3320696307010129</v>
      </c>
      <c r="Z212" s="180">
        <v>3.4626838593356107E-2</v>
      </c>
      <c r="AA212" s="186">
        <v>0.1866335940696498</v>
      </c>
      <c r="AB212" s="92">
        <v>7.7369015514828837E-3</v>
      </c>
      <c r="AC212" s="186">
        <v>9.0522174916732506E-2</v>
      </c>
      <c r="AD212" s="92">
        <v>5.7008573558275646E-3</v>
      </c>
      <c r="AE212" s="186">
        <v>0.71379178768450657</v>
      </c>
      <c r="AF212" s="92">
        <v>8.9739464397979186E-3</v>
      </c>
      <c r="AG212" s="186">
        <v>9.0524433291043378E-3</v>
      </c>
      <c r="AH212" s="92">
        <v>1.9001015753012239E-3</v>
      </c>
    </row>
    <row r="213" spans="1:34">
      <c r="A213" s="40" t="s">
        <v>352</v>
      </c>
      <c r="B213" s="48">
        <v>3723</v>
      </c>
      <c r="C213" s="177">
        <v>5.1117031039451977</v>
      </c>
      <c r="D213" s="80">
        <v>4.951252846847088E-2</v>
      </c>
      <c r="E213" s="184">
        <v>0.14302999859372642</v>
      </c>
      <c r="F213" s="89">
        <v>1.1482341147721219E-2</v>
      </c>
      <c r="G213" s="184">
        <v>0.16630232285188554</v>
      </c>
      <c r="H213" s="89">
        <v>1.2208929486818442E-2</v>
      </c>
      <c r="I213" s="184">
        <v>0.67284572029336776</v>
      </c>
      <c r="J213" s="89">
        <v>1.5372608500991874E-2</v>
      </c>
      <c r="K213" s="184">
        <v>1.782195826102102E-2</v>
      </c>
      <c r="L213" s="89">
        <v>4.3956609408566608E-3</v>
      </c>
      <c r="M213" s="48">
        <v>3702</v>
      </c>
      <c r="N213" s="177">
        <v>4.8346504973168001</v>
      </c>
      <c r="O213" s="80">
        <v>5.2490916215009328E-2</v>
      </c>
      <c r="P213" s="184">
        <v>0.192421702191273</v>
      </c>
      <c r="Q213" s="89">
        <v>1.2959303622014124E-2</v>
      </c>
      <c r="R213" s="184">
        <v>0.18507945397593281</v>
      </c>
      <c r="S213" s="89">
        <v>1.2767970386900631E-2</v>
      </c>
      <c r="T213" s="184">
        <v>0.60365316860022844</v>
      </c>
      <c r="U213" s="89">
        <v>1.6070513828775387E-2</v>
      </c>
      <c r="V213" s="184">
        <v>1.884567523256539E-2</v>
      </c>
      <c r="W213" s="89">
        <v>4.5273047846472103E-3</v>
      </c>
      <c r="X213" s="48">
        <v>3709</v>
      </c>
      <c r="Y213" s="177">
        <v>4.8107298992910357</v>
      </c>
      <c r="Z213" s="80">
        <v>6.2317355494325335E-2</v>
      </c>
      <c r="AA213" s="184">
        <v>0.26609927437951764</v>
      </c>
      <c r="AB213" s="89">
        <v>1.4509050225637487E-2</v>
      </c>
      <c r="AC213" s="184">
        <v>0.1222191622888306</v>
      </c>
      <c r="AD213" s="89">
        <v>1.0765926282271817E-2</v>
      </c>
      <c r="AE213" s="184">
        <v>0.59400147988514096</v>
      </c>
      <c r="AF213" s="89">
        <v>1.6119094541324468E-2</v>
      </c>
      <c r="AG213" s="184">
        <v>1.7680083446510748E-2</v>
      </c>
      <c r="AH213" s="89">
        <v>4.3874384546956505E-3</v>
      </c>
    </row>
    <row r="214" spans="1:34">
      <c r="A214" s="44" t="s">
        <v>534</v>
      </c>
      <c r="B214" s="44">
        <v>1698</v>
      </c>
      <c r="C214" s="179">
        <v>5.1618952512390823</v>
      </c>
      <c r="D214" s="180">
        <v>7.5093517605280199E-2</v>
      </c>
      <c r="E214" s="186">
        <v>0.1497344392653038</v>
      </c>
      <c r="F214" s="92">
        <v>1.7336784731570094E-2</v>
      </c>
      <c r="G214" s="186">
        <v>0.16408780107340848</v>
      </c>
      <c r="H214" s="92">
        <v>1.7988947192766204E-2</v>
      </c>
      <c r="I214" s="186">
        <v>0.66939227485175934</v>
      </c>
      <c r="J214" s="92">
        <v>2.2812832136471565E-2</v>
      </c>
      <c r="K214" s="186">
        <v>1.6785484809528552E-2</v>
      </c>
      <c r="L214" s="92">
        <v>6.4314074762466924E-3</v>
      </c>
      <c r="M214" s="44">
        <v>1690</v>
      </c>
      <c r="N214" s="179">
        <v>4.8845314946687113</v>
      </c>
      <c r="O214" s="180">
        <v>8.1504651649466811E-2</v>
      </c>
      <c r="P214" s="186">
        <v>0.20926417906147654</v>
      </c>
      <c r="Q214" s="92">
        <v>1.9790603689700984E-2</v>
      </c>
      <c r="R214" s="186">
        <v>0.1673121922160595</v>
      </c>
      <c r="S214" s="92">
        <v>1.8171484261321751E-2</v>
      </c>
      <c r="T214" s="186">
        <v>0.6090882434220154</v>
      </c>
      <c r="U214" s="92">
        <v>2.3713952986208282E-2</v>
      </c>
      <c r="V214" s="186">
        <v>1.4335385300448509E-2</v>
      </c>
      <c r="W214" s="92">
        <v>5.999306408941937E-3</v>
      </c>
      <c r="X214" s="44">
        <v>1693</v>
      </c>
      <c r="Y214" s="179">
        <v>4.9720381168887666</v>
      </c>
      <c r="Z214" s="180">
        <v>9.1041770980496456E-2</v>
      </c>
      <c r="AA214" s="186">
        <v>0.24590184971462536</v>
      </c>
      <c r="AB214" s="92">
        <v>2.0923755172448787E-2</v>
      </c>
      <c r="AC214" s="186">
        <v>0.12948834676809048</v>
      </c>
      <c r="AD214" s="92">
        <v>1.6346823863257812E-2</v>
      </c>
      <c r="AE214" s="186">
        <v>0.61419913693755401</v>
      </c>
      <c r="AF214" s="92">
        <v>2.3636411323640701E-2</v>
      </c>
      <c r="AG214" s="186">
        <v>1.0410666579729449E-2</v>
      </c>
      <c r="AH214" s="92">
        <v>5.190748353012112E-3</v>
      </c>
    </row>
    <row r="215" spans="1:34">
      <c r="A215" s="40" t="s">
        <v>535</v>
      </c>
      <c r="B215" s="48">
        <v>927</v>
      </c>
      <c r="C215" s="177">
        <v>5.4386429247609582</v>
      </c>
      <c r="D215" s="80">
        <v>0.10062258473354893</v>
      </c>
      <c r="E215" s="184">
        <v>0.1290015507247852</v>
      </c>
      <c r="F215" s="89">
        <v>2.2086670098019491E-2</v>
      </c>
      <c r="G215" s="184">
        <v>0.12814490451732796</v>
      </c>
      <c r="H215" s="89">
        <v>2.2025220443982432E-2</v>
      </c>
      <c r="I215" s="184">
        <v>0.73032804144610675</v>
      </c>
      <c r="J215" s="89">
        <v>2.9122791012907375E-2</v>
      </c>
      <c r="K215" s="184">
        <v>1.2525503311779967E-2</v>
      </c>
      <c r="L215" s="89">
        <v>7.8673682800686345E-3</v>
      </c>
      <c r="M215" s="48">
        <v>924</v>
      </c>
      <c r="N215" s="177">
        <v>5.243154486936886</v>
      </c>
      <c r="O215" s="80">
        <v>0.10843384292399764</v>
      </c>
      <c r="P215" s="184">
        <v>0.16902898033385003</v>
      </c>
      <c r="Q215" s="89">
        <v>2.4687746066393942E-2</v>
      </c>
      <c r="R215" s="184">
        <v>0.11538536228355042</v>
      </c>
      <c r="S215" s="89">
        <v>2.1105653462819809E-2</v>
      </c>
      <c r="T215" s="184">
        <v>0.70347369869124099</v>
      </c>
      <c r="U215" s="89">
        <v>3.0011103880293825E-2</v>
      </c>
      <c r="V215" s="184">
        <v>1.2111958691357989E-2</v>
      </c>
      <c r="W215" s="89">
        <v>7.7717604159323736E-3</v>
      </c>
      <c r="X215" s="48">
        <v>923</v>
      </c>
      <c r="Y215" s="177">
        <v>5.2161665956195273</v>
      </c>
      <c r="Z215" s="80">
        <v>0.12036535837191426</v>
      </c>
      <c r="AA215" s="184">
        <v>0.21386364274994363</v>
      </c>
      <c r="AB215" s="89">
        <v>2.6990831676696376E-2</v>
      </c>
      <c r="AC215" s="184">
        <v>0.10772304135604344</v>
      </c>
      <c r="AD215" s="89">
        <v>2.0505364444252435E-2</v>
      </c>
      <c r="AE215" s="184">
        <v>0.66968873367363257</v>
      </c>
      <c r="AF215" s="89">
        <v>3.0912319314827508E-2</v>
      </c>
      <c r="AG215" s="184">
        <v>8.7245822203800543E-3</v>
      </c>
      <c r="AH215" s="89">
        <v>6.8033976127806449E-3</v>
      </c>
    </row>
    <row r="216" spans="1:34">
      <c r="A216" s="44" t="s">
        <v>536</v>
      </c>
      <c r="B216" s="44">
        <v>198</v>
      </c>
      <c r="C216" s="179">
        <v>5.4743837350864926</v>
      </c>
      <c r="D216" s="180">
        <v>0.22109294012688632</v>
      </c>
      <c r="E216" s="186">
        <v>0.12936598245718489</v>
      </c>
      <c r="F216" s="92">
        <v>4.834220817466818E-2</v>
      </c>
      <c r="G216" s="186">
        <v>0.11478697539988547</v>
      </c>
      <c r="H216" s="92">
        <v>4.6122852438504468E-2</v>
      </c>
      <c r="I216" s="186">
        <v>0.75584704214292953</v>
      </c>
      <c r="J216" s="92">
        <v>6.0869769825065943E-2</v>
      </c>
      <c r="K216" s="186">
        <v>0</v>
      </c>
      <c r="L216" s="92">
        <v>1.3932624648124592E-2</v>
      </c>
      <c r="M216" s="44">
        <v>197</v>
      </c>
      <c r="N216" s="179">
        <v>5.2883693888529875</v>
      </c>
      <c r="O216" s="180">
        <v>0.23432751862411014</v>
      </c>
      <c r="P216" s="186">
        <v>0.15363293878989631</v>
      </c>
      <c r="Q216" s="92">
        <v>5.1785489073025305E-2</v>
      </c>
      <c r="R216" s="186">
        <v>9.1792158184371059E-2</v>
      </c>
      <c r="S216" s="92">
        <v>4.230487563565373E-2</v>
      </c>
      <c r="T216" s="186">
        <v>0.74119187883984483</v>
      </c>
      <c r="U216" s="92">
        <v>6.2153525727739307E-2</v>
      </c>
      <c r="V216" s="186">
        <v>1.3383024185887462E-2</v>
      </c>
      <c r="W216" s="92">
        <v>2.1176754453907289E-2</v>
      </c>
      <c r="X216" s="44">
        <v>198</v>
      </c>
      <c r="Y216" s="179">
        <v>5.3879513210160122</v>
      </c>
      <c r="Z216" s="180">
        <v>0.26021163671650954</v>
      </c>
      <c r="AA216" s="186">
        <v>0.17594426925429729</v>
      </c>
      <c r="AB216" s="92">
        <v>5.4337704921291585E-2</v>
      </c>
      <c r="AC216" s="186">
        <v>8.4055074013402023E-2</v>
      </c>
      <c r="AD216" s="92">
        <v>4.0729454260834852E-2</v>
      </c>
      <c r="AE216" s="186">
        <v>0.74000065673230053</v>
      </c>
      <c r="AF216" s="92">
        <v>6.2085584370832649E-2</v>
      </c>
      <c r="AG216" s="186">
        <v>0</v>
      </c>
      <c r="AH216" s="92">
        <v>1.3932624648124592E-2</v>
      </c>
    </row>
    <row r="217" spans="1:34">
      <c r="A217" s="40" t="s">
        <v>537</v>
      </c>
      <c r="B217" s="48">
        <v>73</v>
      </c>
      <c r="C217" s="177">
        <v>5.438819874043662</v>
      </c>
      <c r="D217" s="80">
        <v>0.39710672516696055</v>
      </c>
      <c r="E217" s="184">
        <v>0.13562508329271114</v>
      </c>
      <c r="F217" s="89">
        <v>8.2388632283626542E-2</v>
      </c>
      <c r="G217" s="184">
        <v>0.12126963761328584</v>
      </c>
      <c r="H217" s="89">
        <v>7.9308291216960272E-2</v>
      </c>
      <c r="I217" s="184">
        <v>0.74310527909400326</v>
      </c>
      <c r="J217" s="89">
        <v>0.10113142115420198</v>
      </c>
      <c r="K217" s="184">
        <v>0</v>
      </c>
      <c r="L217" s="89">
        <v>3.6252631573966396E-2</v>
      </c>
      <c r="M217" s="48">
        <v>72</v>
      </c>
      <c r="N217" s="177">
        <v>5.3858817825102152</v>
      </c>
      <c r="O217" s="80">
        <v>0.39692729018238576</v>
      </c>
      <c r="P217" s="184">
        <v>0.14598232778658374</v>
      </c>
      <c r="Q217" s="89">
        <v>8.5074825375000038E-2</v>
      </c>
      <c r="R217" s="184">
        <v>7.8150485196861921E-2</v>
      </c>
      <c r="S217" s="89">
        <v>6.8932594199307903E-2</v>
      </c>
      <c r="T217" s="184">
        <v>0.77586718701655455</v>
      </c>
      <c r="U217" s="89">
        <v>9.7790672074254972E-2</v>
      </c>
      <c r="V217" s="184">
        <v>0</v>
      </c>
      <c r="W217" s="89">
        <v>3.6723195522334773E-2</v>
      </c>
      <c r="X217" s="48">
        <v>73</v>
      </c>
      <c r="Y217" s="177">
        <v>5.4025475369456544</v>
      </c>
      <c r="Z217" s="80">
        <v>0.48938150327680258</v>
      </c>
      <c r="AA217" s="184">
        <v>0.20087495215456047</v>
      </c>
      <c r="AB217" s="89">
        <v>9.385784575262604E-2</v>
      </c>
      <c r="AC217" s="184">
        <v>4.5118877491469062E-2</v>
      </c>
      <c r="AD217" s="89">
        <v>5.7670191558785271E-2</v>
      </c>
      <c r="AE217" s="184">
        <v>0.75400617035397066</v>
      </c>
      <c r="AF217" s="89">
        <v>9.9872656785645608E-2</v>
      </c>
      <c r="AG217" s="184">
        <v>0</v>
      </c>
      <c r="AH217" s="89">
        <v>3.6252631573966396E-2</v>
      </c>
    </row>
    <row r="218" spans="1:34">
      <c r="A218" s="44" t="s">
        <v>546</v>
      </c>
      <c r="B218" s="44">
        <v>779</v>
      </c>
      <c r="C218" s="179">
        <v>5.0442164219834433</v>
      </c>
      <c r="D218" s="180">
        <v>0.11002266448286784</v>
      </c>
      <c r="E218" s="186">
        <v>0.15907867486728425</v>
      </c>
      <c r="F218" s="92">
        <v>2.6257116034929768E-2</v>
      </c>
      <c r="G218" s="186">
        <v>0.17859797802330879</v>
      </c>
      <c r="H218" s="92">
        <v>2.7473750593976238E-2</v>
      </c>
      <c r="I218" s="186">
        <v>0.64380265629033351</v>
      </c>
      <c r="J218" s="92">
        <v>3.424288112189789E-2</v>
      </c>
      <c r="K218" s="186">
        <v>1.8520690819074596E-2</v>
      </c>
      <c r="L218" s="92">
        <v>1.0243567567808084E-2</v>
      </c>
      <c r="M218" s="44">
        <v>774</v>
      </c>
      <c r="N218" s="179">
        <v>4.7324532157185573</v>
      </c>
      <c r="O218" s="180">
        <v>0.11908081124629034</v>
      </c>
      <c r="P218" s="186">
        <v>0.22668756050760325</v>
      </c>
      <c r="Q218" s="92">
        <v>3.0086973841700698E-2</v>
      </c>
      <c r="R218" s="186">
        <v>0.1887166998308647</v>
      </c>
      <c r="S218" s="92">
        <v>2.8147291518603897E-2</v>
      </c>
      <c r="T218" s="186">
        <v>0.56938577061596207</v>
      </c>
      <c r="U218" s="92">
        <v>3.550842564982272E-2</v>
      </c>
      <c r="V218" s="186">
        <v>1.520996904557137E-2</v>
      </c>
      <c r="W218" s="92">
        <v>9.4553709086937169E-3</v>
      </c>
      <c r="X218" s="44">
        <v>778</v>
      </c>
      <c r="Y218" s="179">
        <v>4.8788020716189262</v>
      </c>
      <c r="Z218" s="180">
        <v>0.13593825506771978</v>
      </c>
      <c r="AA218" s="186">
        <v>0.25823984798827709</v>
      </c>
      <c r="AB218" s="92">
        <v>3.1350541209041981E-2</v>
      </c>
      <c r="AC218" s="186">
        <v>0.13808845208348741</v>
      </c>
      <c r="AD218" s="92">
        <v>2.4811983845918116E-2</v>
      </c>
      <c r="AE218" s="186">
        <v>0.59259701778565865</v>
      </c>
      <c r="AF218" s="92">
        <v>3.5147717773078908E-2</v>
      </c>
      <c r="AG218" s="186">
        <v>1.1074682142577712E-2</v>
      </c>
      <c r="AH218" s="92">
        <v>8.2763282339008912E-3</v>
      </c>
    </row>
    <row r="219" spans="1:34" ht="24.75" customHeight="1">
      <c r="A219" s="40" t="s">
        <v>547</v>
      </c>
      <c r="B219" s="48">
        <v>127</v>
      </c>
      <c r="C219" s="177">
        <v>4.8970422137865439</v>
      </c>
      <c r="D219" s="80">
        <v>0.28977567296990492</v>
      </c>
      <c r="E219" s="184">
        <v>0.19861575029859468</v>
      </c>
      <c r="F219" s="89">
        <v>7.0900396216250508E-2</v>
      </c>
      <c r="G219" s="184">
        <v>0.18761853793230665</v>
      </c>
      <c r="H219" s="89">
        <v>6.9520947189209065E-2</v>
      </c>
      <c r="I219" s="184">
        <v>0.59308528436320029</v>
      </c>
      <c r="J219" s="89">
        <v>8.5935570317414695E-2</v>
      </c>
      <c r="K219" s="184">
        <v>2.068042740589901E-2</v>
      </c>
      <c r="L219" s="89">
        <v>3.2253248766470219E-2</v>
      </c>
      <c r="M219" s="48">
        <v>127</v>
      </c>
      <c r="N219" s="177">
        <v>4.7508139113899759</v>
      </c>
      <c r="O219" s="80">
        <v>0.32203469770978438</v>
      </c>
      <c r="P219" s="184">
        <v>0.27671381811438184</v>
      </c>
      <c r="Q219" s="89">
        <v>7.8757814562963005E-2</v>
      </c>
      <c r="R219" s="184">
        <v>0.13244865360671265</v>
      </c>
      <c r="S219" s="89">
        <v>6.1291461899486248E-2</v>
      </c>
      <c r="T219" s="184">
        <v>0.57015710087300708</v>
      </c>
      <c r="U219" s="89">
        <v>8.6558275559317582E-2</v>
      </c>
      <c r="V219" s="184">
        <v>2.068042740589901E-2</v>
      </c>
      <c r="W219" s="89">
        <v>3.2253248766470219E-2</v>
      </c>
      <c r="X219" s="48">
        <v>127</v>
      </c>
      <c r="Y219" s="177">
        <v>4.966538132402242</v>
      </c>
      <c r="Z219" s="80">
        <v>0.34389248965984182</v>
      </c>
      <c r="AA219" s="184">
        <v>0.26205628312834184</v>
      </c>
      <c r="AB219" s="89">
        <v>7.7516319960921107E-2</v>
      </c>
      <c r="AC219" s="184">
        <v>0.11976182443613557</v>
      </c>
      <c r="AD219" s="89">
        <v>5.902865354282865E-2</v>
      </c>
      <c r="AE219" s="184">
        <v>0.60495153468531915</v>
      </c>
      <c r="AF219" s="89">
        <v>8.5542287525465818E-2</v>
      </c>
      <c r="AG219" s="184">
        <v>1.3230357750203975E-2</v>
      </c>
      <c r="AH219" s="89">
        <v>2.8874196841931772E-2</v>
      </c>
    </row>
    <row r="220" spans="1:34" ht="27.75" customHeight="1">
      <c r="A220" s="44" t="s">
        <v>548</v>
      </c>
      <c r="B220" s="44">
        <v>99</v>
      </c>
      <c r="C220" s="179">
        <v>5.2870385924723697</v>
      </c>
      <c r="D220" s="180">
        <v>0.31379922250654096</v>
      </c>
      <c r="E220" s="186">
        <v>0.13504608565588527</v>
      </c>
      <c r="F220" s="92">
        <v>7.0215404324415989E-2</v>
      </c>
      <c r="G220" s="186">
        <v>0.22122195286497559</v>
      </c>
      <c r="H220" s="92">
        <v>8.3189309973571962E-2</v>
      </c>
      <c r="I220" s="186">
        <v>0.64373196147913858</v>
      </c>
      <c r="J220" s="92">
        <v>9.4697174878052667E-2</v>
      </c>
      <c r="K220" s="186">
        <v>0</v>
      </c>
      <c r="L220" s="92">
        <v>2.7192544212657866E-2</v>
      </c>
      <c r="M220" s="44">
        <v>98</v>
      </c>
      <c r="N220" s="179">
        <v>5.0091668618075085</v>
      </c>
      <c r="O220" s="180">
        <v>0.32978512925918518</v>
      </c>
      <c r="P220" s="186">
        <v>0.16738674231416156</v>
      </c>
      <c r="Q220" s="92">
        <v>7.6151363826549315E-2</v>
      </c>
      <c r="R220" s="186">
        <v>0.21479581821572691</v>
      </c>
      <c r="S220" s="92">
        <v>8.282114009350669E-2</v>
      </c>
      <c r="T220" s="186">
        <v>0.61020474205349251</v>
      </c>
      <c r="U220" s="92">
        <v>9.6769139661457587E-2</v>
      </c>
      <c r="V220" s="186">
        <v>7.6126974166182146E-3</v>
      </c>
      <c r="W220" s="92">
        <v>3.205216895367799E-2</v>
      </c>
      <c r="X220" s="44">
        <v>99</v>
      </c>
      <c r="Y220" s="179">
        <v>4.8993906111189531</v>
      </c>
      <c r="Z220" s="180">
        <v>0.36547949016594444</v>
      </c>
      <c r="AA220" s="186">
        <v>0.284652774695342</v>
      </c>
      <c r="AB220" s="92">
        <v>8.9693659889587635E-2</v>
      </c>
      <c r="AC220" s="186">
        <v>0.14233918775226437</v>
      </c>
      <c r="AD220" s="92">
        <v>7.1549141257772744E-2</v>
      </c>
      <c r="AE220" s="186">
        <v>0.56555151232002654</v>
      </c>
      <c r="AF220" s="92">
        <v>9.7747498431661653E-2</v>
      </c>
      <c r="AG220" s="186">
        <v>7.4565252323664111E-3</v>
      </c>
      <c r="AH220" s="92">
        <v>3.1701089012193144E-2</v>
      </c>
    </row>
    <row r="221" spans="1:34">
      <c r="A221" s="40" t="s">
        <v>538</v>
      </c>
      <c r="B221" s="187">
        <v>125</v>
      </c>
      <c r="C221" s="177">
        <v>5.4300991591175887</v>
      </c>
      <c r="D221" s="80">
        <v>0.26584496126926693</v>
      </c>
      <c r="E221" s="184">
        <v>0.11539058858018493</v>
      </c>
      <c r="F221" s="89">
        <v>5.869563600026708E-2</v>
      </c>
      <c r="G221" s="184">
        <v>0.16952823734533595</v>
      </c>
      <c r="H221" s="89">
        <v>6.761868022883559E-2</v>
      </c>
      <c r="I221" s="184">
        <v>0.71508117407448013</v>
      </c>
      <c r="J221" s="89">
        <v>8.0031862310947374E-2</v>
      </c>
      <c r="K221" s="184">
        <v>0</v>
      </c>
      <c r="L221" s="89">
        <v>2.1755160342254897E-2</v>
      </c>
      <c r="M221" s="187">
        <v>125</v>
      </c>
      <c r="N221" s="177">
        <v>5.2991504655413273</v>
      </c>
      <c r="O221" s="80">
        <v>0.2741071986203279</v>
      </c>
      <c r="P221" s="184">
        <v>0.15409181523661383</v>
      </c>
      <c r="Q221" s="89">
        <v>6.5332255773132189E-2</v>
      </c>
      <c r="R221" s="184">
        <v>0.16208540028556173</v>
      </c>
      <c r="S221" s="89">
        <v>6.6539084483561814E-2</v>
      </c>
      <c r="T221" s="184">
        <v>0.6838227844778253</v>
      </c>
      <c r="U221" s="89">
        <v>8.2268655983958799E-2</v>
      </c>
      <c r="V221" s="184">
        <v>0</v>
      </c>
      <c r="W221" s="89">
        <v>2.1755160342254897E-2</v>
      </c>
      <c r="X221" s="187">
        <v>125</v>
      </c>
      <c r="Y221" s="177">
        <v>4.9198721907655543</v>
      </c>
      <c r="Z221" s="80">
        <v>0.34876134263437092</v>
      </c>
      <c r="AA221" s="184">
        <v>0.30510398954241991</v>
      </c>
      <c r="AB221" s="89">
        <v>8.152322138346621E-2</v>
      </c>
      <c r="AC221" s="184">
        <v>9.8965043812179687E-2</v>
      </c>
      <c r="AD221" s="89">
        <v>5.5402746305054158E-2</v>
      </c>
      <c r="AE221" s="184">
        <v>0.59593096664540124</v>
      </c>
      <c r="AF221" s="89">
        <v>8.6510135548594214E-2</v>
      </c>
      <c r="AG221" s="184">
        <v>0</v>
      </c>
      <c r="AH221" s="89">
        <v>2.1755160342254897E-2</v>
      </c>
    </row>
    <row r="222" spans="1:34">
      <c r="A222" s="44" t="s">
        <v>539</v>
      </c>
      <c r="B222" s="188">
        <v>96</v>
      </c>
      <c r="C222" s="179">
        <v>5.3152618811115619</v>
      </c>
      <c r="D222" s="180">
        <v>0.31350685751288182</v>
      </c>
      <c r="E222" s="186">
        <v>0.12901467503425867</v>
      </c>
      <c r="F222" s="92">
        <v>7.0188343587554297E-2</v>
      </c>
      <c r="G222" s="186">
        <v>0.17898836128532769</v>
      </c>
      <c r="H222" s="92">
        <v>7.8747832485583646E-2</v>
      </c>
      <c r="I222" s="186">
        <v>0.6919969636804133</v>
      </c>
      <c r="J222" s="92">
        <v>9.2957455242277776E-2</v>
      </c>
      <c r="K222" s="186">
        <v>0</v>
      </c>
      <c r="L222" s="92">
        <v>2.8000000000000001E-2</v>
      </c>
      <c r="M222" s="188">
        <v>96</v>
      </c>
      <c r="N222" s="179">
        <v>5.2050869042622452</v>
      </c>
      <c r="O222" s="180">
        <v>0.32361679336426352</v>
      </c>
      <c r="P222" s="186">
        <v>0.16400294080808847</v>
      </c>
      <c r="Q222" s="92">
        <v>7.6408603620058163E-2</v>
      </c>
      <c r="R222" s="186">
        <v>0.17015421018806134</v>
      </c>
      <c r="S222" s="92">
        <v>7.7390319124753762E-2</v>
      </c>
      <c r="T222" s="186">
        <v>0.66584284900385005</v>
      </c>
      <c r="U222" s="92">
        <v>9.479503179357833E-2</v>
      </c>
      <c r="V222" s="186">
        <v>0</v>
      </c>
      <c r="W222" s="92">
        <v>2.8000000000000001E-2</v>
      </c>
      <c r="X222" s="188">
        <v>96</v>
      </c>
      <c r="Y222" s="179">
        <v>4.7107735095652572</v>
      </c>
      <c r="Z222" s="180">
        <v>0.41277930469678942</v>
      </c>
      <c r="AA222" s="186">
        <v>0.34324431807191857</v>
      </c>
      <c r="AB222" s="92">
        <v>9.5363332143648255E-2</v>
      </c>
      <c r="AC222" s="186">
        <v>0.10618206625940482</v>
      </c>
      <c r="AD222" s="92">
        <v>6.5442094145969382E-2</v>
      </c>
      <c r="AE222" s="186">
        <v>0.55057361566867602</v>
      </c>
      <c r="AF222" s="92">
        <v>9.9527449950529409E-2</v>
      </c>
      <c r="AG222" s="186">
        <v>0</v>
      </c>
      <c r="AH222" s="92">
        <v>2.8000000000000001E-2</v>
      </c>
    </row>
    <row r="223" spans="1:34">
      <c r="A223" s="40" t="s">
        <v>540</v>
      </c>
      <c r="B223" s="78">
        <v>262</v>
      </c>
      <c r="C223" s="177">
        <v>5.6427148426241009</v>
      </c>
      <c r="D223" s="80">
        <v>0.17093762744700461</v>
      </c>
      <c r="E223" s="184">
        <v>8.7791466426077658E-2</v>
      </c>
      <c r="F223" s="89">
        <v>3.5784642773749632E-2</v>
      </c>
      <c r="G223" s="184">
        <v>0.11148475075527395</v>
      </c>
      <c r="H223" s="89">
        <v>3.9462829256227454E-2</v>
      </c>
      <c r="I223" s="184">
        <v>0.79192413450446308</v>
      </c>
      <c r="J223" s="89">
        <v>5.016124789099824E-2</v>
      </c>
      <c r="K223" s="184">
        <v>8.7996483141831623E-3</v>
      </c>
      <c r="L223" s="89">
        <v>1.5474514237985652E-2</v>
      </c>
      <c r="M223" s="78">
        <v>261</v>
      </c>
      <c r="N223" s="177">
        <v>5.4306044932606197</v>
      </c>
      <c r="O223" s="80">
        <v>0.19609039067582307</v>
      </c>
      <c r="P223" s="184">
        <v>0.16090185070012566</v>
      </c>
      <c r="Q223" s="89">
        <v>4.5715703737217075E-2</v>
      </c>
      <c r="R223" s="184">
        <v>9.6824129140859597E-2</v>
      </c>
      <c r="S223" s="89">
        <v>3.7329612946063975E-2</v>
      </c>
      <c r="T223" s="184">
        <v>0.74227402015901345</v>
      </c>
      <c r="U223" s="89">
        <v>5.3982792733995345E-2</v>
      </c>
      <c r="V223" s="184">
        <v>0</v>
      </c>
      <c r="W223" s="89">
        <v>1.0632956981761831E-2</v>
      </c>
      <c r="X223" s="78">
        <v>261</v>
      </c>
      <c r="Y223" s="177">
        <v>5.6377877377294521</v>
      </c>
      <c r="Z223" s="80">
        <v>0.19816664344824475</v>
      </c>
      <c r="AA223" s="184">
        <v>0.14264371774129198</v>
      </c>
      <c r="AB223" s="89">
        <v>4.3631837441973E-2</v>
      </c>
      <c r="AC223" s="184">
        <v>6.6638141839820184E-2</v>
      </c>
      <c r="AD223" s="89">
        <v>3.1996278221943376E-2</v>
      </c>
      <c r="AE223" s="184">
        <v>0.790718140418886</v>
      </c>
      <c r="AF223" s="89">
        <v>5.035948720234467E-2</v>
      </c>
      <c r="AG223" s="184">
        <v>0</v>
      </c>
      <c r="AH223" s="89">
        <v>1.0632956981761831E-2</v>
      </c>
    </row>
    <row r="224" spans="1:34" ht="25.5">
      <c r="A224" s="44" t="s">
        <v>541</v>
      </c>
      <c r="B224" s="188">
        <v>114</v>
      </c>
      <c r="C224" s="179">
        <v>5.9406499382924247</v>
      </c>
      <c r="D224" s="180">
        <v>0.20276033885460448</v>
      </c>
      <c r="E224" s="186">
        <v>5.937671882918219E-2</v>
      </c>
      <c r="F224" s="92">
        <v>4.8289615062673666E-2</v>
      </c>
      <c r="G224" s="186">
        <v>4.5481353554829379E-2</v>
      </c>
      <c r="H224" s="92">
        <v>4.4026695891889532E-2</v>
      </c>
      <c r="I224" s="186">
        <v>0.89514192761598921</v>
      </c>
      <c r="J224" s="92">
        <v>5.9452020145059577E-2</v>
      </c>
      <c r="K224" s="186">
        <v>0</v>
      </c>
      <c r="L224" s="92">
        <v>2.3765720057393202E-2</v>
      </c>
      <c r="M224" s="188">
        <v>113</v>
      </c>
      <c r="N224" s="179">
        <v>5.7643353011365654</v>
      </c>
      <c r="O224" s="180">
        <v>0.24295350935140519</v>
      </c>
      <c r="P224" s="186">
        <v>0.1095208832718727</v>
      </c>
      <c r="Q224" s="92">
        <v>6.070058593604731E-2</v>
      </c>
      <c r="R224" s="186">
        <v>6.5824352928666535E-2</v>
      </c>
      <c r="S224" s="92">
        <v>5.0352821579684695E-2</v>
      </c>
      <c r="T224" s="186">
        <v>0.82465476379946179</v>
      </c>
      <c r="U224" s="92">
        <v>7.2012101604383316E-2</v>
      </c>
      <c r="V224" s="186">
        <v>0</v>
      </c>
      <c r="W224" s="92">
        <v>2.3967079753657358E-2</v>
      </c>
      <c r="X224" s="188">
        <v>113</v>
      </c>
      <c r="Y224" s="179">
        <v>5.9731160094584892</v>
      </c>
      <c r="Z224" s="180">
        <v>0.26600695342729963</v>
      </c>
      <c r="AA224" s="186">
        <v>8.2118537086244447E-2</v>
      </c>
      <c r="AB224" s="92">
        <v>5.4572508915204439E-2</v>
      </c>
      <c r="AC224" s="186">
        <v>4.7505293876566761E-2</v>
      </c>
      <c r="AD224" s="92">
        <v>4.4915618036762084E-2</v>
      </c>
      <c r="AE224" s="186">
        <v>0.87037616903718973</v>
      </c>
      <c r="AF224" s="92">
        <v>6.4593636569161769E-2</v>
      </c>
      <c r="AG224" s="186">
        <v>0</v>
      </c>
      <c r="AH224" s="92">
        <v>2.3967079753657358E-2</v>
      </c>
    </row>
    <row r="225" spans="1:34" ht="25.5">
      <c r="A225" s="52" t="s">
        <v>549</v>
      </c>
      <c r="B225" s="187">
        <v>67</v>
      </c>
      <c r="C225" s="177">
        <v>5.4210029531421675</v>
      </c>
      <c r="D225" s="80">
        <v>0.39181869343117265</v>
      </c>
      <c r="E225" s="184">
        <v>0.13308150382877931</v>
      </c>
      <c r="F225" s="89">
        <v>8.5617226484827905E-2</v>
      </c>
      <c r="G225" s="184">
        <v>0.10530166824317316</v>
      </c>
      <c r="H225" s="89">
        <v>7.9176110728207183E-2</v>
      </c>
      <c r="I225" s="184">
        <v>0.76161682792804741</v>
      </c>
      <c r="J225" s="89">
        <v>0.10320261115177393</v>
      </c>
      <c r="K225" s="184">
        <v>0</v>
      </c>
      <c r="L225" s="89">
        <v>3.9271909274046654E-2</v>
      </c>
      <c r="M225" s="187">
        <v>68</v>
      </c>
      <c r="N225" s="177">
        <v>5.0231540598393396</v>
      </c>
      <c r="O225" s="80">
        <v>0.42048866371713356</v>
      </c>
      <c r="P225" s="184">
        <v>0.21749543578999384</v>
      </c>
      <c r="Q225" s="89">
        <v>9.9669591735010013E-2</v>
      </c>
      <c r="R225" s="184">
        <v>0.10991820824175651</v>
      </c>
      <c r="S225" s="89">
        <v>7.9677699281358427E-2</v>
      </c>
      <c r="T225" s="184">
        <v>0.67258635596824978</v>
      </c>
      <c r="U225" s="89">
        <v>0.11141303998595171</v>
      </c>
      <c r="V225" s="184">
        <v>0</v>
      </c>
      <c r="W225" s="89">
        <v>3.8734260487688681E-2</v>
      </c>
      <c r="X225" s="187">
        <v>68</v>
      </c>
      <c r="Y225" s="177">
        <v>5.2414760335907893</v>
      </c>
      <c r="Z225" s="80">
        <v>0.44680980542142346</v>
      </c>
      <c r="AA225" s="184">
        <v>0.24519870067848953</v>
      </c>
      <c r="AB225" s="89">
        <v>0.10330366798616489</v>
      </c>
      <c r="AC225" s="184">
        <v>1.6917484217683491E-3</v>
      </c>
      <c r="AD225" s="89">
        <v>3.9799928681870794E-2</v>
      </c>
      <c r="AE225" s="184">
        <v>0.7531095508997423</v>
      </c>
      <c r="AF225" s="89">
        <v>0.10350955326688804</v>
      </c>
      <c r="AG225" s="184">
        <v>0</v>
      </c>
      <c r="AH225" s="89">
        <v>3.8734260487688681E-2</v>
      </c>
    </row>
    <row r="226" spans="1:34">
      <c r="A226" s="44" t="s">
        <v>543</v>
      </c>
      <c r="B226" s="188">
        <v>81</v>
      </c>
      <c r="C226" s="179">
        <v>5.3719751026478555</v>
      </c>
      <c r="D226" s="180">
        <v>0.33843497497342079</v>
      </c>
      <c r="E226" s="186">
        <v>9.7477960111180831E-2</v>
      </c>
      <c r="F226" s="92">
        <v>6.9575694503968194E-2</v>
      </c>
      <c r="G226" s="186">
        <v>0.20527163846864924</v>
      </c>
      <c r="H226" s="92">
        <v>8.9736434778599522E-2</v>
      </c>
      <c r="I226" s="186">
        <v>0.67084278418579357</v>
      </c>
      <c r="J226" s="92">
        <v>0.10255446596432569</v>
      </c>
      <c r="K226" s="186">
        <v>2.6407617234375756E-2</v>
      </c>
      <c r="L226" s="92">
        <v>4.6689553452215586E-2</v>
      </c>
      <c r="M226" s="188">
        <v>80</v>
      </c>
      <c r="N226" s="179">
        <v>5.2464567013494845</v>
      </c>
      <c r="O226" s="180">
        <v>0.39407815439599281</v>
      </c>
      <c r="P226" s="186">
        <v>0.19334024708679767</v>
      </c>
      <c r="Q226" s="92">
        <v>8.8560649855738374E-2</v>
      </c>
      <c r="R226" s="186">
        <v>0.13041411086288479</v>
      </c>
      <c r="S226" s="92">
        <v>7.7492076650881161E-2</v>
      </c>
      <c r="T226" s="186">
        <v>0.67624564205031712</v>
      </c>
      <c r="U226" s="92">
        <v>0.10277700616769264</v>
      </c>
      <c r="V226" s="186">
        <v>0</v>
      </c>
      <c r="W226" s="92">
        <v>3.326848242884628E-2</v>
      </c>
      <c r="X226" s="188">
        <v>80</v>
      </c>
      <c r="Y226" s="179">
        <v>5.4385822695322226</v>
      </c>
      <c r="Z226" s="180">
        <v>0.36317411784627174</v>
      </c>
      <c r="AA226" s="186">
        <v>0.15793960150715886</v>
      </c>
      <c r="AB226" s="92">
        <v>8.2771265158525467E-2</v>
      </c>
      <c r="AC226" s="186">
        <v>0.1363147878263811</v>
      </c>
      <c r="AD226" s="92">
        <v>7.8688654788675511E-2</v>
      </c>
      <c r="AE226" s="186">
        <v>0.70574561066645958</v>
      </c>
      <c r="AF226" s="92">
        <v>0.10038125006764727</v>
      </c>
      <c r="AG226" s="186">
        <v>0</v>
      </c>
      <c r="AH226" s="92">
        <v>3.326848242884628E-2</v>
      </c>
    </row>
    <row r="227" spans="1:34">
      <c r="A227" s="52" t="s">
        <v>544</v>
      </c>
      <c r="B227" s="187">
        <v>113</v>
      </c>
      <c r="C227" s="177">
        <v>5.269394812250499</v>
      </c>
      <c r="D227" s="80">
        <v>0.32623845808170987</v>
      </c>
      <c r="E227" s="184">
        <v>0.16142109685898912</v>
      </c>
      <c r="F227" s="89">
        <v>6.9937377201396117E-2</v>
      </c>
      <c r="G227" s="184">
        <v>0.11265489536645218</v>
      </c>
      <c r="H227" s="89">
        <v>6.1337595126390775E-2</v>
      </c>
      <c r="I227" s="184">
        <v>0.70810845409678702</v>
      </c>
      <c r="J227" s="89">
        <v>8.46514338463E-2</v>
      </c>
      <c r="K227" s="184">
        <v>1.7815553677771653E-2</v>
      </c>
      <c r="L227" s="89">
        <v>3.3651795782057473E-2</v>
      </c>
      <c r="M227" s="187">
        <v>113</v>
      </c>
      <c r="N227" s="177">
        <v>5.1303835348748077</v>
      </c>
      <c r="O227" s="80">
        <v>0.3404375000516856</v>
      </c>
      <c r="P227" s="184">
        <v>0.2100103549381277</v>
      </c>
      <c r="Q227" s="89">
        <v>7.6584734720808456E-2</v>
      </c>
      <c r="R227" s="184">
        <v>7.5690738275557667E-2</v>
      </c>
      <c r="S227" s="89">
        <v>5.2967182934627023E-2</v>
      </c>
      <c r="T227" s="184">
        <v>0.70762509881727453</v>
      </c>
      <c r="U227" s="89">
        <v>8.468927631494548E-2</v>
      </c>
      <c r="V227" s="184">
        <v>6.6738079690400387E-3</v>
      </c>
      <c r="W227" s="89">
        <v>2.8032670233773937E-2</v>
      </c>
      <c r="X227" s="187">
        <v>113</v>
      </c>
      <c r="Y227" s="177">
        <v>4.980750748533965</v>
      </c>
      <c r="Z227" s="80">
        <v>0.37086671071574628</v>
      </c>
      <c r="AA227" s="184">
        <v>0.24205533008668162</v>
      </c>
      <c r="AB227" s="89">
        <v>8.0157155861930535E-2</v>
      </c>
      <c r="AC227" s="184">
        <v>0.15373184281325711</v>
      </c>
      <c r="AD227" s="89">
        <v>6.8726292806118638E-2</v>
      </c>
      <c r="AE227" s="184">
        <v>0.59753901913102103</v>
      </c>
      <c r="AF227" s="89">
        <v>9.0794318151231443E-2</v>
      </c>
      <c r="AG227" s="184">
        <v>6.6738079690400387E-3</v>
      </c>
      <c r="AH227" s="89">
        <v>2.8032670233773937E-2</v>
      </c>
    </row>
    <row r="228" spans="1:34">
      <c r="A228" s="44" t="s">
        <v>545</v>
      </c>
      <c r="B228" s="188">
        <v>122</v>
      </c>
      <c r="C228" s="179">
        <v>5.5190539586540517</v>
      </c>
      <c r="D228" s="180">
        <v>0.28233529928597723</v>
      </c>
      <c r="E228" s="186">
        <v>0.12837232192666159</v>
      </c>
      <c r="F228" s="92">
        <v>6.1855538255526601E-2</v>
      </c>
      <c r="G228" s="186">
        <v>7.4480638215674494E-2</v>
      </c>
      <c r="H228" s="92">
        <v>5.0473029709912423E-2</v>
      </c>
      <c r="I228" s="186">
        <v>0.74360018883819634</v>
      </c>
      <c r="J228" s="92">
        <v>7.8551737940061123E-2</v>
      </c>
      <c r="K228" s="186">
        <v>5.3546851019467843E-2</v>
      </c>
      <c r="L228" s="92">
        <v>4.4768885506329681E-2</v>
      </c>
      <c r="M228" s="188">
        <v>122</v>
      </c>
      <c r="N228" s="179">
        <v>5.2713039548648135</v>
      </c>
      <c r="O228" s="180">
        <v>0.31158651014572414</v>
      </c>
      <c r="P228" s="186">
        <v>0.16530690098388934</v>
      </c>
      <c r="Q228" s="92">
        <v>6.7842015918877202E-2</v>
      </c>
      <c r="R228" s="186">
        <v>9.7181238337256545E-2</v>
      </c>
      <c r="S228" s="92">
        <v>5.574201480660592E-2</v>
      </c>
      <c r="T228" s="186">
        <v>0.69511536675963181</v>
      </c>
      <c r="U228" s="92">
        <v>8.2483046754684569E-2</v>
      </c>
      <c r="V228" s="186">
        <v>4.2396493919222636E-2</v>
      </c>
      <c r="W228" s="92">
        <v>4.1282339636936408E-2</v>
      </c>
      <c r="X228" s="188">
        <v>119</v>
      </c>
      <c r="Y228" s="179">
        <v>5.176129728796969</v>
      </c>
      <c r="Z228" s="180">
        <v>0.3600815419435886</v>
      </c>
      <c r="AA228" s="186">
        <v>0.18897215298823691</v>
      </c>
      <c r="AB228" s="92">
        <v>7.2009776672168888E-2</v>
      </c>
      <c r="AC228" s="186">
        <v>0.11895041911254431</v>
      </c>
      <c r="AD228" s="92">
        <v>6.0912167098329653E-2</v>
      </c>
      <c r="AE228" s="186">
        <v>0.6490369556402521</v>
      </c>
      <c r="AF228" s="92">
        <v>8.6336301968514467E-2</v>
      </c>
      <c r="AG228" s="186">
        <v>4.3040472258967365E-2</v>
      </c>
      <c r="AH228" s="92">
        <v>4.2118078426508825E-2</v>
      </c>
    </row>
  </sheetData>
  <mergeCells count="27">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 ref="A91:V91"/>
    <mergeCell ref="A90:V90"/>
    <mergeCell ref="B34:H34"/>
    <mergeCell ref="A61:D61"/>
    <mergeCell ref="A62:D62"/>
    <mergeCell ref="A63:D63"/>
    <mergeCell ref="A3:D3"/>
    <mergeCell ref="A4:D4"/>
    <mergeCell ref="A5:D5"/>
    <mergeCell ref="I34:O34"/>
    <mergeCell ref="A33:V33"/>
    <mergeCell ref="A32:V32"/>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1"/>
  <sheetViews>
    <sheetView zoomScaleNormal="100" workbookViewId="0"/>
  </sheetViews>
  <sheetFormatPr defaultColWidth="17.5703125" defaultRowHeight="15"/>
  <cols>
    <col min="1" max="1" width="43.85546875" customWidth="1"/>
  </cols>
  <sheetData>
    <row r="1" spans="1:4" ht="31.5">
      <c r="A1" s="30" t="s">
        <v>47</v>
      </c>
    </row>
    <row r="3" spans="1:4" ht="18.75">
      <c r="A3" s="335" t="s">
        <v>403</v>
      </c>
      <c r="B3" s="335"/>
      <c r="C3" s="335"/>
      <c r="D3" s="335"/>
    </row>
    <row r="4" spans="1:4" ht="150" customHeight="1">
      <c r="A4" s="389" t="s">
        <v>411</v>
      </c>
      <c r="B4" s="389"/>
      <c r="C4" s="389"/>
      <c r="D4" s="389"/>
    </row>
    <row r="5" spans="1:4" ht="37.5" customHeight="1">
      <c r="A5" s="410" t="s">
        <v>404</v>
      </c>
      <c r="B5" s="337"/>
      <c r="C5" s="337"/>
      <c r="D5" s="337"/>
    </row>
    <row r="6" spans="1:4" ht="72">
      <c r="A6" s="32" t="s">
        <v>71</v>
      </c>
      <c r="B6" s="33" t="s">
        <v>72</v>
      </c>
      <c r="C6" s="34" t="s">
        <v>584</v>
      </c>
      <c r="D6" s="35" t="s">
        <v>73</v>
      </c>
    </row>
    <row r="7" spans="1:4" ht="72">
      <c r="A7" s="36"/>
      <c r="B7" s="37" t="s">
        <v>74</v>
      </c>
      <c r="C7" s="121" t="s">
        <v>304</v>
      </c>
      <c r="D7" s="39" t="s">
        <v>76</v>
      </c>
    </row>
    <row r="8" spans="1:4">
      <c r="A8" s="40" t="s">
        <v>350</v>
      </c>
      <c r="B8" s="159">
        <v>11350</v>
      </c>
      <c r="C8" s="160">
        <v>5.0012250453152456</v>
      </c>
      <c r="D8" s="81">
        <v>2.6654095715108173E-2</v>
      </c>
    </row>
    <row r="9" spans="1:4">
      <c r="A9" s="44" t="s">
        <v>351</v>
      </c>
      <c r="B9" s="44">
        <v>8248</v>
      </c>
      <c r="C9" s="162">
        <v>4.6646435909456647</v>
      </c>
      <c r="D9" s="82">
        <v>3.1743325340428702E-2</v>
      </c>
    </row>
    <row r="10" spans="1:4">
      <c r="A10" s="40" t="s">
        <v>352</v>
      </c>
      <c r="B10" s="48">
        <v>3102</v>
      </c>
      <c r="C10" s="160">
        <v>5.2648196685549573</v>
      </c>
      <c r="D10" s="81">
        <v>4.3328721073501671E-2</v>
      </c>
    </row>
    <row r="11" spans="1:4">
      <c r="A11" s="44" t="s">
        <v>534</v>
      </c>
      <c r="B11" s="44">
        <v>1425</v>
      </c>
      <c r="C11" s="162">
        <v>4.9341909331889289</v>
      </c>
      <c r="D11" s="82">
        <v>7.5874778170735346E-2</v>
      </c>
    </row>
    <row r="12" spans="1:4">
      <c r="A12" s="40" t="s">
        <v>535</v>
      </c>
      <c r="B12" s="48">
        <v>784</v>
      </c>
      <c r="C12" s="160">
        <v>4.295586963562009</v>
      </c>
      <c r="D12" s="81">
        <v>0.10279644388848033</v>
      </c>
    </row>
    <row r="13" spans="1:4">
      <c r="A13" s="44" t="s">
        <v>536</v>
      </c>
      <c r="B13" s="44">
        <v>157</v>
      </c>
      <c r="C13" s="162">
        <v>4.6735788229302786</v>
      </c>
      <c r="D13" s="82">
        <v>0.22093884191690924</v>
      </c>
    </row>
    <row r="14" spans="1:4">
      <c r="A14" s="40" t="s">
        <v>537</v>
      </c>
      <c r="B14" s="48">
        <v>50</v>
      </c>
      <c r="C14" s="160">
        <v>4.2271146287056238</v>
      </c>
      <c r="D14" s="81">
        <v>0.38406784608972405</v>
      </c>
    </row>
    <row r="15" spans="1:4">
      <c r="A15" s="44" t="s">
        <v>546</v>
      </c>
      <c r="B15" s="44">
        <v>645</v>
      </c>
      <c r="C15" s="162">
        <v>5.2094875935466831</v>
      </c>
      <c r="D15" s="82">
        <v>9.6710460318020608E-2</v>
      </c>
    </row>
    <row r="16" spans="1:4">
      <c r="A16" s="40" t="s">
        <v>547</v>
      </c>
      <c r="B16" s="48">
        <v>96</v>
      </c>
      <c r="C16" s="160">
        <v>4.9943552725322977</v>
      </c>
      <c r="D16" s="81">
        <v>0.29700237755973108</v>
      </c>
    </row>
    <row r="17" spans="1:56">
      <c r="A17" s="44" t="s">
        <v>548</v>
      </c>
      <c r="B17" s="44">
        <v>76</v>
      </c>
      <c r="C17" s="162">
        <v>4.6299551476611862</v>
      </c>
      <c r="D17" s="82">
        <v>0.3007880832955846</v>
      </c>
    </row>
    <row r="18" spans="1:56">
      <c r="A18" s="40" t="s">
        <v>538</v>
      </c>
      <c r="B18" s="159">
        <v>115</v>
      </c>
      <c r="C18" s="160">
        <v>3.8350589759561013</v>
      </c>
      <c r="D18" s="81">
        <v>0.22327912301003155</v>
      </c>
    </row>
    <row r="19" spans="1:56">
      <c r="A19" s="44" t="s">
        <v>539</v>
      </c>
      <c r="B19" s="161">
        <v>87</v>
      </c>
      <c r="C19" s="162">
        <v>3.8985083411450749</v>
      </c>
      <c r="D19" s="82">
        <v>0.25846445834404957</v>
      </c>
    </row>
    <row r="20" spans="1:56">
      <c r="A20" s="40" t="s">
        <v>540</v>
      </c>
      <c r="B20" s="78">
        <v>221</v>
      </c>
      <c r="C20" s="160">
        <v>4.4968921560595181</v>
      </c>
      <c r="D20" s="81">
        <v>0.20604473090401129</v>
      </c>
    </row>
    <row r="21" spans="1:56" ht="25.5">
      <c r="A21" s="44" t="s">
        <v>541</v>
      </c>
      <c r="B21" s="161">
        <v>93</v>
      </c>
      <c r="C21" s="162">
        <v>4.3583498727125791</v>
      </c>
      <c r="D21" s="82">
        <v>0.32446318017012343</v>
      </c>
    </row>
    <row r="22" spans="1:56" ht="25.5">
      <c r="A22" s="52" t="s">
        <v>549</v>
      </c>
      <c r="B22" s="159">
        <v>61</v>
      </c>
      <c r="C22" s="160">
        <v>4.3979407530647103</v>
      </c>
      <c r="D22" s="81">
        <v>0.39672198748982734</v>
      </c>
    </row>
    <row r="23" spans="1:56">
      <c r="A23" s="44" t="s">
        <v>543</v>
      </c>
      <c r="B23" s="161">
        <v>67</v>
      </c>
      <c r="C23" s="162">
        <v>4.745423661621504</v>
      </c>
      <c r="D23" s="82">
        <v>0.33332851822872145</v>
      </c>
    </row>
    <row r="24" spans="1:56">
      <c r="A24" s="52" t="s">
        <v>544</v>
      </c>
      <c r="B24" s="159">
        <v>102</v>
      </c>
      <c r="C24" s="160">
        <v>3.8784370151319463</v>
      </c>
      <c r="D24" s="81">
        <v>0.27168033846893752</v>
      </c>
    </row>
    <row r="25" spans="1:56">
      <c r="A25" s="44" t="s">
        <v>545</v>
      </c>
      <c r="B25" s="161">
        <v>109</v>
      </c>
      <c r="C25" s="162">
        <v>4.1223522020754011</v>
      </c>
      <c r="D25" s="82">
        <v>0.27081509098559253</v>
      </c>
    </row>
    <row r="32" spans="1:56" ht="18.75">
      <c r="A32" s="335" t="s">
        <v>405</v>
      </c>
      <c r="B32" s="335"/>
      <c r="C32" s="335"/>
      <c r="D32" s="335"/>
      <c r="E32" s="335"/>
      <c r="F32" s="335"/>
      <c r="G32" s="335"/>
      <c r="H32" s="335"/>
      <c r="I32" s="335"/>
      <c r="J32" s="335"/>
      <c r="K32" s="335"/>
      <c r="L32" s="335"/>
      <c r="M32" s="335"/>
      <c r="N32" s="335"/>
      <c r="O32" s="335"/>
      <c r="P32" s="335"/>
      <c r="Q32" s="335"/>
      <c r="R32" s="335"/>
      <c r="S32" s="335"/>
      <c r="T32" s="335"/>
      <c r="U32" s="335"/>
      <c r="V32" s="335"/>
      <c r="W32" s="335"/>
      <c r="X32" s="335"/>
      <c r="Y32" s="335"/>
      <c r="Z32" s="335"/>
      <c r="AA32" s="335"/>
      <c r="AB32" s="335"/>
      <c r="AC32" s="335"/>
      <c r="AD32" s="335"/>
      <c r="AE32" s="335"/>
      <c r="AF32" s="335"/>
      <c r="AG32" s="335"/>
      <c r="AH32" s="335"/>
      <c r="AI32" s="335"/>
      <c r="AJ32" s="335"/>
      <c r="AK32" s="335"/>
      <c r="AL32" s="335"/>
      <c r="AM32" s="335"/>
      <c r="AN32" s="335"/>
      <c r="AO32" s="335"/>
      <c r="AP32" s="335"/>
      <c r="AQ32" s="335"/>
      <c r="AR32" s="335"/>
      <c r="AS32" s="335"/>
      <c r="AT32" s="335"/>
      <c r="AU32" s="335"/>
      <c r="AV32" s="335"/>
      <c r="AW32" s="335"/>
      <c r="AX32" s="335"/>
      <c r="AY32" s="335"/>
      <c r="AZ32" s="335"/>
      <c r="BA32" s="335"/>
      <c r="BB32" s="335"/>
      <c r="BC32" s="335"/>
      <c r="BD32" s="335"/>
    </row>
    <row r="33" spans="1:56" ht="90" customHeight="1">
      <c r="A33" s="414" t="s">
        <v>595</v>
      </c>
      <c r="B33" s="414"/>
      <c r="C33" s="414"/>
      <c r="D33" s="414"/>
      <c r="E33" s="414"/>
      <c r="F33" s="414"/>
      <c r="G33" s="414"/>
      <c r="H33" s="414"/>
      <c r="I33" s="414"/>
      <c r="J33" s="414"/>
      <c r="K33" s="414"/>
      <c r="L33" s="414"/>
      <c r="M33" s="414"/>
      <c r="N33" s="414"/>
      <c r="O33" s="414"/>
      <c r="P33" s="414"/>
      <c r="Q33" s="414"/>
      <c r="R33" s="414"/>
      <c r="S33" s="414"/>
      <c r="T33" s="414"/>
      <c r="U33" s="414"/>
      <c r="V33" s="414"/>
      <c r="W33" s="414"/>
      <c r="X33" s="414"/>
      <c r="Y33" s="414"/>
      <c r="Z33" s="414"/>
      <c r="AA33" s="414"/>
      <c r="AB33" s="414"/>
      <c r="AC33" s="414"/>
      <c r="AD33" s="414"/>
      <c r="AE33" s="414"/>
      <c r="AF33" s="414"/>
      <c r="AG33" s="414"/>
      <c r="AH33" s="414"/>
      <c r="AI33" s="414"/>
      <c r="AJ33" s="414"/>
      <c r="AK33" s="414"/>
      <c r="AL33" s="414"/>
      <c r="AM33" s="414"/>
      <c r="AN33" s="414"/>
      <c r="AO33" s="414"/>
      <c r="AP33" s="414"/>
      <c r="AQ33" s="414"/>
      <c r="AR33" s="414"/>
      <c r="AS33" s="414"/>
      <c r="AT33" s="414"/>
      <c r="AU33" s="414"/>
      <c r="AV33" s="414"/>
      <c r="AW33" s="414"/>
      <c r="AX33" s="414"/>
      <c r="AY33" s="414"/>
      <c r="AZ33" s="414"/>
      <c r="BA33" s="414"/>
      <c r="BB33" s="414"/>
      <c r="BC33" s="414"/>
      <c r="BD33" s="414"/>
    </row>
    <row r="34" spans="1:56" ht="34.5" customHeight="1">
      <c r="A34" s="59"/>
      <c r="B34" s="398" t="s">
        <v>406</v>
      </c>
      <c r="C34" s="399"/>
      <c r="D34" s="399"/>
      <c r="E34" s="399"/>
      <c r="F34" s="399"/>
      <c r="G34" s="399"/>
      <c r="H34" s="399"/>
      <c r="I34" s="399"/>
      <c r="J34" s="399"/>
      <c r="K34" s="399"/>
      <c r="L34" s="400"/>
      <c r="M34" s="411" t="s">
        <v>407</v>
      </c>
      <c r="N34" s="412"/>
      <c r="O34" s="412"/>
      <c r="P34" s="412"/>
      <c r="Q34" s="412"/>
      <c r="R34" s="412"/>
      <c r="S34" s="412"/>
      <c r="T34" s="412"/>
      <c r="U34" s="412"/>
      <c r="V34" s="412"/>
      <c r="W34" s="412"/>
      <c r="X34" s="398" t="s">
        <v>408</v>
      </c>
      <c r="Y34" s="399"/>
      <c r="Z34" s="399"/>
      <c r="AA34" s="399"/>
      <c r="AB34" s="399"/>
      <c r="AC34" s="399"/>
      <c r="AD34" s="399"/>
      <c r="AE34" s="399"/>
      <c r="AF34" s="399"/>
      <c r="AG34" s="399"/>
      <c r="AH34" s="400"/>
      <c r="AI34" s="411" t="s">
        <v>409</v>
      </c>
      <c r="AJ34" s="412"/>
      <c r="AK34" s="412"/>
      <c r="AL34" s="412"/>
      <c r="AM34" s="412"/>
      <c r="AN34" s="412"/>
      <c r="AO34" s="412"/>
      <c r="AP34" s="412"/>
      <c r="AQ34" s="412"/>
      <c r="AR34" s="412"/>
      <c r="AS34" s="412"/>
      <c r="AT34" s="398" t="s">
        <v>410</v>
      </c>
      <c r="AU34" s="399"/>
      <c r="AV34" s="399"/>
      <c r="AW34" s="399"/>
      <c r="AX34" s="399"/>
      <c r="AY34" s="399"/>
      <c r="AZ34" s="399"/>
      <c r="BA34" s="399"/>
      <c r="BB34" s="399"/>
      <c r="BC34" s="399"/>
      <c r="BD34" s="400"/>
    </row>
    <row r="35" spans="1:56" ht="49.5" customHeight="1">
      <c r="A35" s="32" t="s">
        <v>71</v>
      </c>
      <c r="B35" s="33" t="s">
        <v>72</v>
      </c>
      <c r="C35" s="34" t="s">
        <v>584</v>
      </c>
      <c r="D35" s="35" t="s">
        <v>73</v>
      </c>
      <c r="E35" s="33" t="s">
        <v>312</v>
      </c>
      <c r="F35" s="84" t="s">
        <v>143</v>
      </c>
      <c r="G35" s="33" t="s">
        <v>313</v>
      </c>
      <c r="H35" s="84" t="s">
        <v>144</v>
      </c>
      <c r="I35" s="33" t="s">
        <v>314</v>
      </c>
      <c r="J35" s="84" t="s">
        <v>117</v>
      </c>
      <c r="K35" s="33" t="s">
        <v>301</v>
      </c>
      <c r="L35" s="84" t="s">
        <v>315</v>
      </c>
      <c r="M35" s="60" t="s">
        <v>72</v>
      </c>
      <c r="N35" s="61" t="s">
        <v>584</v>
      </c>
      <c r="O35" s="62" t="s">
        <v>73</v>
      </c>
      <c r="P35" s="60" t="s">
        <v>312</v>
      </c>
      <c r="Q35" s="83" t="s">
        <v>143</v>
      </c>
      <c r="R35" s="60" t="s">
        <v>316</v>
      </c>
      <c r="S35" s="83" t="s">
        <v>317</v>
      </c>
      <c r="T35" s="60" t="s">
        <v>314</v>
      </c>
      <c r="U35" s="83" t="s">
        <v>117</v>
      </c>
      <c r="V35" s="60" t="s">
        <v>301</v>
      </c>
      <c r="W35" s="83" t="s">
        <v>315</v>
      </c>
      <c r="X35" s="33" t="s">
        <v>72</v>
      </c>
      <c r="Y35" s="34" t="s">
        <v>584</v>
      </c>
      <c r="Z35" s="35" t="s">
        <v>73</v>
      </c>
      <c r="AA35" s="33" t="s">
        <v>312</v>
      </c>
      <c r="AB35" s="84" t="s">
        <v>143</v>
      </c>
      <c r="AC35" s="33" t="s">
        <v>313</v>
      </c>
      <c r="AD35" s="84" t="s">
        <v>144</v>
      </c>
      <c r="AE35" s="33" t="s">
        <v>314</v>
      </c>
      <c r="AF35" s="84" t="s">
        <v>117</v>
      </c>
      <c r="AG35" s="33" t="s">
        <v>301</v>
      </c>
      <c r="AH35" s="84" t="s">
        <v>315</v>
      </c>
      <c r="AI35" s="60" t="s">
        <v>72</v>
      </c>
      <c r="AJ35" s="61" t="s">
        <v>584</v>
      </c>
      <c r="AK35" s="62" t="s">
        <v>73</v>
      </c>
      <c r="AL35" s="60" t="s">
        <v>312</v>
      </c>
      <c r="AM35" s="83" t="s">
        <v>143</v>
      </c>
      <c r="AN35" s="60" t="s">
        <v>316</v>
      </c>
      <c r="AO35" s="83" t="s">
        <v>317</v>
      </c>
      <c r="AP35" s="60" t="s">
        <v>314</v>
      </c>
      <c r="AQ35" s="83" t="s">
        <v>117</v>
      </c>
      <c r="AR35" s="60" t="s">
        <v>301</v>
      </c>
      <c r="AS35" s="83" t="s">
        <v>315</v>
      </c>
      <c r="AT35" s="33" t="s">
        <v>72</v>
      </c>
      <c r="AU35" s="34" t="s">
        <v>584</v>
      </c>
      <c r="AV35" s="35" t="s">
        <v>73</v>
      </c>
      <c r="AW35" s="33" t="s">
        <v>312</v>
      </c>
      <c r="AX35" s="84" t="s">
        <v>143</v>
      </c>
      <c r="AY35" s="33" t="s">
        <v>313</v>
      </c>
      <c r="AZ35" s="84" t="s">
        <v>144</v>
      </c>
      <c r="BA35" s="33" t="s">
        <v>314</v>
      </c>
      <c r="BB35" s="84" t="s">
        <v>117</v>
      </c>
      <c r="BC35" s="33" t="s">
        <v>301</v>
      </c>
      <c r="BD35" s="84" t="s">
        <v>315</v>
      </c>
    </row>
    <row r="36" spans="1:56" ht="72">
      <c r="A36" s="36"/>
      <c r="B36" s="37" t="s">
        <v>74</v>
      </c>
      <c r="C36" s="121" t="s">
        <v>304</v>
      </c>
      <c r="D36" s="39" t="s">
        <v>76</v>
      </c>
      <c r="E36" s="37" t="s">
        <v>159</v>
      </c>
      <c r="F36" s="86" t="s">
        <v>88</v>
      </c>
      <c r="G36" s="37" t="s">
        <v>160</v>
      </c>
      <c r="H36" s="86" t="s">
        <v>88</v>
      </c>
      <c r="I36" s="37" t="s">
        <v>161</v>
      </c>
      <c r="J36" s="86" t="s">
        <v>88</v>
      </c>
      <c r="K36" s="37" t="s">
        <v>301</v>
      </c>
      <c r="L36" s="86" t="s">
        <v>88</v>
      </c>
      <c r="M36" s="63" t="s">
        <v>74</v>
      </c>
      <c r="N36" s="252" t="s">
        <v>304</v>
      </c>
      <c r="O36" s="65" t="s">
        <v>76</v>
      </c>
      <c r="P36" s="63" t="s">
        <v>159</v>
      </c>
      <c r="Q36" s="85" t="s">
        <v>88</v>
      </c>
      <c r="R36" s="63" t="s">
        <v>160</v>
      </c>
      <c r="S36" s="85" t="s">
        <v>88</v>
      </c>
      <c r="T36" s="63" t="s">
        <v>161</v>
      </c>
      <c r="U36" s="85" t="s">
        <v>88</v>
      </c>
      <c r="V36" s="63" t="s">
        <v>301</v>
      </c>
      <c r="W36" s="85" t="s">
        <v>88</v>
      </c>
      <c r="X36" s="37" t="s">
        <v>74</v>
      </c>
      <c r="Y36" s="121" t="s">
        <v>304</v>
      </c>
      <c r="Z36" s="39" t="s">
        <v>76</v>
      </c>
      <c r="AA36" s="37" t="s">
        <v>159</v>
      </c>
      <c r="AB36" s="86" t="s">
        <v>88</v>
      </c>
      <c r="AC36" s="37" t="s">
        <v>160</v>
      </c>
      <c r="AD36" s="86" t="s">
        <v>88</v>
      </c>
      <c r="AE36" s="37" t="s">
        <v>161</v>
      </c>
      <c r="AF36" s="86" t="s">
        <v>88</v>
      </c>
      <c r="AG36" s="37" t="s">
        <v>301</v>
      </c>
      <c r="AH36" s="86" t="s">
        <v>88</v>
      </c>
      <c r="AI36" s="63" t="s">
        <v>74</v>
      </c>
      <c r="AJ36" s="252" t="s">
        <v>304</v>
      </c>
      <c r="AK36" s="65" t="s">
        <v>76</v>
      </c>
      <c r="AL36" s="63" t="s">
        <v>159</v>
      </c>
      <c r="AM36" s="85" t="s">
        <v>88</v>
      </c>
      <c r="AN36" s="63" t="s">
        <v>160</v>
      </c>
      <c r="AO36" s="85" t="s">
        <v>88</v>
      </c>
      <c r="AP36" s="63" t="s">
        <v>161</v>
      </c>
      <c r="AQ36" s="85" t="s">
        <v>88</v>
      </c>
      <c r="AR36" s="63" t="s">
        <v>301</v>
      </c>
      <c r="AS36" s="85" t="s">
        <v>88</v>
      </c>
      <c r="AT36" s="37" t="s">
        <v>74</v>
      </c>
      <c r="AU36" s="121" t="s">
        <v>304</v>
      </c>
      <c r="AV36" s="39" t="s">
        <v>76</v>
      </c>
      <c r="AW36" s="37" t="s">
        <v>159</v>
      </c>
      <c r="AX36" s="86" t="s">
        <v>88</v>
      </c>
      <c r="AY36" s="37" t="s">
        <v>160</v>
      </c>
      <c r="AZ36" s="86" t="s">
        <v>88</v>
      </c>
      <c r="BA36" s="37" t="s">
        <v>161</v>
      </c>
      <c r="BB36" s="86" t="s">
        <v>88</v>
      </c>
      <c r="BC36" s="37" t="s">
        <v>301</v>
      </c>
      <c r="BD36" s="86" t="s">
        <v>88</v>
      </c>
    </row>
    <row r="37" spans="1:56">
      <c r="A37" s="40" t="s">
        <v>350</v>
      </c>
      <c r="B37" s="189">
        <v>13940</v>
      </c>
      <c r="C37" s="79">
        <v>5.3923572280825276</v>
      </c>
      <c r="D37" s="80">
        <v>2.9743774228974319E-2</v>
      </c>
      <c r="E37" s="191">
        <v>0.13862554606183874</v>
      </c>
      <c r="F37" s="89">
        <v>5.8545042434810807E-3</v>
      </c>
      <c r="G37" s="191">
        <v>0.10636068005020874</v>
      </c>
      <c r="H37" s="89">
        <v>5.2240938731128147E-3</v>
      </c>
      <c r="I37" s="191">
        <v>0.74136904747388854</v>
      </c>
      <c r="J37" s="89">
        <v>7.4170571949616374E-3</v>
      </c>
      <c r="K37" s="191">
        <v>1.3644726414063765E-2</v>
      </c>
      <c r="L37" s="89">
        <v>1.974757352491056E-3</v>
      </c>
      <c r="M37" s="189">
        <v>13891</v>
      </c>
      <c r="N37" s="79">
        <v>4.4888687252785306</v>
      </c>
      <c r="O37" s="80">
        <v>3.5824400742918844E-2</v>
      </c>
      <c r="P37" s="191">
        <v>0.25315772708698303</v>
      </c>
      <c r="Q37" s="89">
        <v>7.3782104949347595E-3</v>
      </c>
      <c r="R37" s="191">
        <v>0.13848449710155714</v>
      </c>
      <c r="S37" s="89">
        <v>5.8623229416315172E-3</v>
      </c>
      <c r="T37" s="191">
        <v>0.46349818206867222</v>
      </c>
      <c r="U37" s="89">
        <v>8.46079176421171E-3</v>
      </c>
      <c r="V37" s="191">
        <v>0.14485959374280638</v>
      </c>
      <c r="W37" s="89">
        <v>5.9733821780276336E-3</v>
      </c>
      <c r="X37" s="189">
        <v>13899</v>
      </c>
      <c r="Y37" s="79">
        <v>4.6005030812762415</v>
      </c>
      <c r="Z37" s="80">
        <v>3.4101744936513793E-2</v>
      </c>
      <c r="AA37" s="191">
        <v>0.26523134780133095</v>
      </c>
      <c r="AB37" s="89">
        <v>7.4885683846324675E-3</v>
      </c>
      <c r="AC37" s="191">
        <v>0.13513539828581758</v>
      </c>
      <c r="AD37" s="89">
        <v>5.8006493954506372E-3</v>
      </c>
      <c r="AE37" s="191">
        <v>0.53565305596212776</v>
      </c>
      <c r="AF37" s="89">
        <v>8.4593980748710433E-3</v>
      </c>
      <c r="AG37" s="191">
        <v>6.3980197950739087E-2</v>
      </c>
      <c r="AH37" s="89">
        <v>4.1546771624056131E-3</v>
      </c>
      <c r="AI37" s="189">
        <v>13873</v>
      </c>
      <c r="AJ37" s="79">
        <v>5.4453897656438359</v>
      </c>
      <c r="AK37" s="80">
        <v>2.6492579756538036E-2</v>
      </c>
      <c r="AL37" s="191">
        <v>9.4930252377145641E-2</v>
      </c>
      <c r="AM37" s="89">
        <v>4.9792558899389664E-3</v>
      </c>
      <c r="AN37" s="191">
        <v>0.11528343223800952</v>
      </c>
      <c r="AO37" s="89">
        <v>5.4243697892731712E-3</v>
      </c>
      <c r="AP37" s="191">
        <v>0.67995250813807673</v>
      </c>
      <c r="AQ37" s="89">
        <v>7.9204039256124386E-3</v>
      </c>
      <c r="AR37" s="191">
        <v>0.10983380724677951</v>
      </c>
      <c r="AS37" s="89">
        <v>5.3110521555264183E-3</v>
      </c>
      <c r="AT37" s="189">
        <v>12496</v>
      </c>
      <c r="AU37" s="79">
        <v>5.1109221959418552</v>
      </c>
      <c r="AV37" s="80">
        <v>3.4400193252542538E-2</v>
      </c>
      <c r="AW37" s="191">
        <v>0.10971395465517197</v>
      </c>
      <c r="AX37" s="89">
        <v>5.5935469693539283E-3</v>
      </c>
      <c r="AY37" s="191">
        <v>0.12233961470793496</v>
      </c>
      <c r="AZ37" s="89">
        <v>5.8641664448586114E-3</v>
      </c>
      <c r="BA37" s="191">
        <v>0.52518936648083892</v>
      </c>
      <c r="BB37" s="89">
        <v>8.9329216153999393E-3</v>
      </c>
      <c r="BC37" s="191">
        <v>0.24275706415607431</v>
      </c>
      <c r="BD37" s="89">
        <v>7.6705862408790494E-3</v>
      </c>
    </row>
    <row r="38" spans="1:56">
      <c r="A38" s="44" t="s">
        <v>351</v>
      </c>
      <c r="B38" s="44">
        <v>10237</v>
      </c>
      <c r="C38" s="173">
        <v>5.09793175000154</v>
      </c>
      <c r="D38" s="125">
        <v>3.6227436418477137E-2</v>
      </c>
      <c r="E38" s="192">
        <v>0.20505237295533468</v>
      </c>
      <c r="F38" s="92">
        <v>7.980883358613914E-3</v>
      </c>
      <c r="G38" s="192">
        <v>0.10934293891190253</v>
      </c>
      <c r="H38" s="92">
        <v>6.1712771353111418E-3</v>
      </c>
      <c r="I38" s="192">
        <v>0.67649742335706919</v>
      </c>
      <c r="J38" s="92">
        <v>9.2460214665211673E-3</v>
      </c>
      <c r="K38" s="192">
        <v>9.1072647756860227E-3</v>
      </c>
      <c r="L38" s="92">
        <v>1.8969167039083483E-3</v>
      </c>
      <c r="M38" s="44">
        <v>10202</v>
      </c>
      <c r="N38" s="173">
        <v>3.9950778559713549</v>
      </c>
      <c r="O38" s="125">
        <v>4.2272162203040323E-2</v>
      </c>
      <c r="P38" s="192">
        <v>0.35080112657794904</v>
      </c>
      <c r="Q38" s="92">
        <v>9.447963688091655E-3</v>
      </c>
      <c r="R38" s="192">
        <v>0.12533013974003504</v>
      </c>
      <c r="S38" s="92">
        <v>6.5579767007389045E-3</v>
      </c>
      <c r="T38" s="192">
        <v>0.36984934619564652</v>
      </c>
      <c r="U38" s="92">
        <v>9.557607805195472E-3</v>
      </c>
      <c r="V38" s="192">
        <v>0.15401938748636876</v>
      </c>
      <c r="W38" s="92">
        <v>7.1486889222696541E-3</v>
      </c>
      <c r="X38" s="44">
        <v>10203</v>
      </c>
      <c r="Y38" s="173">
        <v>4.0246571952324945</v>
      </c>
      <c r="Z38" s="125">
        <v>4.0117288152217344E-2</v>
      </c>
      <c r="AA38" s="192">
        <v>0.39680804169681044</v>
      </c>
      <c r="AB38" s="92">
        <v>9.6851535940097652E-3</v>
      </c>
      <c r="AC38" s="192">
        <v>0.12694800785596802</v>
      </c>
      <c r="AD38" s="92">
        <v>6.5936743955059361E-3</v>
      </c>
      <c r="AE38" s="192">
        <v>0.41817946931466099</v>
      </c>
      <c r="AF38" s="92">
        <v>9.7647582304861303E-3</v>
      </c>
      <c r="AG38" s="192">
        <v>5.8064481132560769E-2</v>
      </c>
      <c r="AH38" s="92">
        <v>4.6361085122541583E-3</v>
      </c>
      <c r="AI38" s="44">
        <v>10195</v>
      </c>
      <c r="AJ38" s="173">
        <v>5.42475305301285</v>
      </c>
      <c r="AK38" s="125">
        <v>3.1646890455128363E-2</v>
      </c>
      <c r="AL38" s="192">
        <v>0.100853439818381</v>
      </c>
      <c r="AM38" s="92">
        <v>5.9677522300923876E-3</v>
      </c>
      <c r="AN38" s="192">
        <v>0.10833693314830201</v>
      </c>
      <c r="AO38" s="92">
        <v>6.1589987496151501E-3</v>
      </c>
      <c r="AP38" s="192">
        <v>0.66639303561309138</v>
      </c>
      <c r="AQ38" s="92">
        <v>9.3380283067416199E-3</v>
      </c>
      <c r="AR38" s="192">
        <v>0.12441659142021783</v>
      </c>
      <c r="AS38" s="92">
        <v>6.5397254220062326E-3</v>
      </c>
      <c r="AT38" s="44">
        <v>8834</v>
      </c>
      <c r="AU38" s="173">
        <v>4.9025365079343191</v>
      </c>
      <c r="AV38" s="125">
        <v>4.3705890939296527E-2</v>
      </c>
      <c r="AW38" s="192">
        <v>0.1377063033555474</v>
      </c>
      <c r="AX38" s="92">
        <v>7.3345694733621793E-3</v>
      </c>
      <c r="AY38" s="192">
        <v>0.11459535486474738</v>
      </c>
      <c r="AZ38" s="92">
        <v>6.7810179895330253E-3</v>
      </c>
      <c r="BA38" s="192">
        <v>0.45164065069923159</v>
      </c>
      <c r="BB38" s="92">
        <v>1.0587270057826835E-2</v>
      </c>
      <c r="BC38" s="192">
        <v>0.29605769108047647</v>
      </c>
      <c r="BD38" s="92">
        <v>9.712900063322925E-3</v>
      </c>
    </row>
    <row r="39" spans="1:56">
      <c r="A39" s="40" t="s">
        <v>352</v>
      </c>
      <c r="B39" s="48">
        <v>3703</v>
      </c>
      <c r="C39" s="79">
        <v>5.6346068862803182</v>
      </c>
      <c r="D39" s="80">
        <v>4.5919245388859074E-2</v>
      </c>
      <c r="E39" s="191">
        <v>8.4424856767128811E-2</v>
      </c>
      <c r="F39" s="89">
        <v>9.1547146304464099E-3</v>
      </c>
      <c r="G39" s="191">
        <v>0.10392731850761371</v>
      </c>
      <c r="H39" s="89">
        <v>1.0042520548455001E-2</v>
      </c>
      <c r="I39" s="191">
        <v>0.79430077562095602</v>
      </c>
      <c r="J39" s="89">
        <v>1.3285431587012137E-2</v>
      </c>
      <c r="K39" s="191">
        <v>1.734704910430206E-2</v>
      </c>
      <c r="L39" s="89">
        <v>4.3515083861591095E-3</v>
      </c>
      <c r="M39" s="48">
        <v>3689</v>
      </c>
      <c r="N39" s="79">
        <v>4.8840167198156124</v>
      </c>
      <c r="O39" s="80">
        <v>5.8626969043232585E-2</v>
      </c>
      <c r="P39" s="191">
        <v>0.17348384769875286</v>
      </c>
      <c r="Q39" s="89">
        <v>1.2472250413822907E-2</v>
      </c>
      <c r="R39" s="191">
        <v>0.14921803042090873</v>
      </c>
      <c r="S39" s="89">
        <v>1.1738573934670695E-2</v>
      </c>
      <c r="T39" s="191">
        <v>0.53991262578008392</v>
      </c>
      <c r="U39" s="89">
        <v>1.6403074458564502E-2</v>
      </c>
      <c r="V39" s="191">
        <v>0.13738549610025569</v>
      </c>
      <c r="W39" s="89">
        <v>1.1343319567714845E-2</v>
      </c>
      <c r="X39" s="48">
        <v>3696</v>
      </c>
      <c r="Y39" s="79">
        <v>5.0755890139435946</v>
      </c>
      <c r="Z39" s="80">
        <v>5.473836417165108E-2</v>
      </c>
      <c r="AA39" s="191">
        <v>0.15791539994932807</v>
      </c>
      <c r="AB39" s="89">
        <v>1.2001396761399264E-2</v>
      </c>
      <c r="AC39" s="191">
        <v>0.14181315814130563</v>
      </c>
      <c r="AD39" s="89">
        <v>1.1483451644735765E-2</v>
      </c>
      <c r="AE39" s="191">
        <v>0.63146629556715328</v>
      </c>
      <c r="AF39" s="89">
        <v>1.5862720615133673E-2</v>
      </c>
      <c r="AG39" s="191">
        <v>6.880514634221338E-2</v>
      </c>
      <c r="AH39" s="89">
        <v>8.3486713317167185E-3</v>
      </c>
      <c r="AI39" s="48">
        <v>3678</v>
      </c>
      <c r="AJ39" s="79">
        <v>5.4617472035240109</v>
      </c>
      <c r="AK39" s="80">
        <v>4.792711184259766E-2</v>
      </c>
      <c r="AL39" s="191">
        <v>9.0093261629132768E-2</v>
      </c>
      <c r="AM39" s="89">
        <v>9.4579510640699672E-3</v>
      </c>
      <c r="AN39" s="191">
        <v>0.12095607929861668</v>
      </c>
      <c r="AO39" s="89">
        <v>1.0763251619439602E-2</v>
      </c>
      <c r="AP39" s="191">
        <v>0.69102543868465216</v>
      </c>
      <c r="AQ39" s="89">
        <v>1.5232706003077566E-2</v>
      </c>
      <c r="AR39" s="191">
        <v>9.7925220387598488E-2</v>
      </c>
      <c r="AS39" s="89">
        <v>9.8156242146173727E-3</v>
      </c>
      <c r="AT39" s="48">
        <v>3662</v>
      </c>
      <c r="AU39" s="79">
        <v>5.2576190783384709</v>
      </c>
      <c r="AV39" s="80">
        <v>5.227008865809326E-2</v>
      </c>
      <c r="AW39" s="191">
        <v>8.73226548364118E-2</v>
      </c>
      <c r="AX39" s="89">
        <v>9.3468557777914296E-3</v>
      </c>
      <c r="AY39" s="191">
        <v>0.12853430904670382</v>
      </c>
      <c r="AZ39" s="89">
        <v>1.107008831767956E-2</v>
      </c>
      <c r="BA39" s="191">
        <v>0.58402156252046245</v>
      </c>
      <c r="BB39" s="89">
        <v>1.6281611134885458E-2</v>
      </c>
      <c r="BC39" s="191">
        <v>0.20012147359642266</v>
      </c>
      <c r="BD39" s="89">
        <v>1.3223868824163425E-2</v>
      </c>
    </row>
    <row r="40" spans="1:56">
      <c r="A40" s="44" t="s">
        <v>534</v>
      </c>
      <c r="B40" s="44">
        <v>1699</v>
      </c>
      <c r="C40" s="173">
        <v>5.3525469831557331</v>
      </c>
      <c r="D40" s="125">
        <v>8.2957900488976263E-2</v>
      </c>
      <c r="E40" s="192">
        <v>0.14571843565290699</v>
      </c>
      <c r="F40" s="92">
        <v>1.7139783231080428E-2</v>
      </c>
      <c r="G40" s="192">
        <v>0.10676637118273319</v>
      </c>
      <c r="H40" s="92">
        <v>1.5023400141222646E-2</v>
      </c>
      <c r="I40" s="192">
        <v>0.73242480648333352</v>
      </c>
      <c r="J40" s="92">
        <v>2.146880085177871E-2</v>
      </c>
      <c r="K40" s="192">
        <v>1.5090386681025858E-2</v>
      </c>
      <c r="L40" s="92">
        <v>6.1237865050255092E-3</v>
      </c>
      <c r="M40" s="44">
        <v>1692</v>
      </c>
      <c r="N40" s="173">
        <v>4.3837259216843067</v>
      </c>
      <c r="O40" s="125">
        <v>0.10034165750058131</v>
      </c>
      <c r="P40" s="192">
        <v>0.25958561940773534</v>
      </c>
      <c r="Q40" s="92">
        <v>2.1306016138249947E-2</v>
      </c>
      <c r="R40" s="192">
        <v>0.15139823341534536</v>
      </c>
      <c r="S40" s="92">
        <v>1.7445964755239303E-2</v>
      </c>
      <c r="T40" s="192">
        <v>0.43957314792142965</v>
      </c>
      <c r="U40" s="92">
        <v>2.4105008034957978E-2</v>
      </c>
      <c r="V40" s="192">
        <v>0.14944299925548946</v>
      </c>
      <c r="W40" s="92">
        <v>1.7353753907178943E-2</v>
      </c>
      <c r="X40" s="44">
        <v>1696</v>
      </c>
      <c r="Y40" s="173">
        <v>4.5166261867868673</v>
      </c>
      <c r="Z40" s="125">
        <v>9.5606240757069652E-2</v>
      </c>
      <c r="AA40" s="192">
        <v>0.26021501732237878</v>
      </c>
      <c r="AB40" s="92">
        <v>2.129752358515536E-2</v>
      </c>
      <c r="AC40" s="192">
        <v>0.15456685632213216</v>
      </c>
      <c r="AD40" s="92">
        <v>1.7572492381001888E-2</v>
      </c>
      <c r="AE40" s="192">
        <v>0.51618743459040484</v>
      </c>
      <c r="AF40" s="92">
        <v>2.424090847682811E-2</v>
      </c>
      <c r="AG40" s="192">
        <v>6.9030691765083765E-2</v>
      </c>
      <c r="AH40" s="92">
        <v>1.2380104721341422E-2</v>
      </c>
      <c r="AI40" s="44">
        <v>1691</v>
      </c>
      <c r="AJ40" s="173">
        <v>5.3973185348863515</v>
      </c>
      <c r="AK40" s="125">
        <v>7.7259700014519053E-2</v>
      </c>
      <c r="AL40" s="192">
        <v>0.10054726280656767</v>
      </c>
      <c r="AM40" s="92">
        <v>1.4669593655322216E-2</v>
      </c>
      <c r="AN40" s="192">
        <v>0.11796119464299494</v>
      </c>
      <c r="AO40" s="92">
        <v>1.5721349755396446E-2</v>
      </c>
      <c r="AP40" s="192">
        <v>0.67039895846739528</v>
      </c>
      <c r="AQ40" s="92">
        <v>2.284233896342187E-2</v>
      </c>
      <c r="AR40" s="192">
        <v>0.11109258408304123</v>
      </c>
      <c r="AS40" s="92">
        <v>1.5320685229762635E-2</v>
      </c>
      <c r="AT40" s="44">
        <v>1561</v>
      </c>
      <c r="AU40" s="173">
        <v>5.0370565008359032</v>
      </c>
      <c r="AV40" s="125">
        <v>9.804912159634975E-2</v>
      </c>
      <c r="AW40" s="192">
        <v>0.11995975494128486</v>
      </c>
      <c r="AX40" s="92">
        <v>1.6483646417338581E-2</v>
      </c>
      <c r="AY40" s="192">
        <v>0.12012581026422733</v>
      </c>
      <c r="AZ40" s="92">
        <v>1.6493376775308721E-2</v>
      </c>
      <c r="BA40" s="192">
        <v>0.51359977051575012</v>
      </c>
      <c r="BB40" s="92">
        <v>2.5268702458204451E-2</v>
      </c>
      <c r="BC40" s="192">
        <v>0.24631466427873761</v>
      </c>
      <c r="BD40" s="92">
        <v>2.1802031599494627E-2</v>
      </c>
    </row>
    <row r="41" spans="1:56">
      <c r="A41" s="40" t="s">
        <v>535</v>
      </c>
      <c r="B41" s="48">
        <v>929</v>
      </c>
      <c r="C41" s="79">
        <v>4.8030521188507729</v>
      </c>
      <c r="D41" s="80">
        <v>0.12157573892857748</v>
      </c>
      <c r="E41" s="191">
        <v>0.25832641700881831</v>
      </c>
      <c r="F41" s="89">
        <v>2.8697603524089427E-2</v>
      </c>
      <c r="G41" s="191">
        <v>0.14227388060873802</v>
      </c>
      <c r="H41" s="89">
        <v>2.2975538662109145E-2</v>
      </c>
      <c r="I41" s="191">
        <v>0.58940855378909907</v>
      </c>
      <c r="J41" s="89">
        <v>3.2215412893706906E-2</v>
      </c>
      <c r="K41" s="191">
        <v>9.9911485933444951E-3</v>
      </c>
      <c r="L41" s="89">
        <v>7.1564126269842076E-3</v>
      </c>
      <c r="M41" s="48">
        <v>924</v>
      </c>
      <c r="N41" s="79">
        <v>3.4515723261335678</v>
      </c>
      <c r="O41" s="80">
        <v>0.13303987018493194</v>
      </c>
      <c r="P41" s="191">
        <v>0.45395572011475332</v>
      </c>
      <c r="Q41" s="89">
        <v>3.2688324487890968E-2</v>
      </c>
      <c r="R41" s="191">
        <v>0.13459373203812131</v>
      </c>
      <c r="S41" s="89">
        <v>2.2516931188338463E-2</v>
      </c>
      <c r="T41" s="191">
        <v>0.27366698202514711</v>
      </c>
      <c r="U41" s="89">
        <v>2.9303261422112724E-2</v>
      </c>
      <c r="V41" s="191">
        <v>0.13778356582197751</v>
      </c>
      <c r="W41" s="89">
        <v>2.2736103953274835E-2</v>
      </c>
      <c r="X41" s="48">
        <v>926</v>
      </c>
      <c r="Y41" s="79">
        <v>3.5524986790856565</v>
      </c>
      <c r="Z41" s="80">
        <v>0.12949813478514324</v>
      </c>
      <c r="AA41" s="191">
        <v>0.49337080717357928</v>
      </c>
      <c r="AB41" s="89">
        <v>3.2788434298507599E-2</v>
      </c>
      <c r="AC41" s="191">
        <v>0.13842224109026571</v>
      </c>
      <c r="AD41" s="89">
        <v>2.2754769108784604E-2</v>
      </c>
      <c r="AE41" s="191">
        <v>0.31751626890972728</v>
      </c>
      <c r="AF41" s="89">
        <v>3.0549485760546641E-2</v>
      </c>
      <c r="AG41" s="191">
        <v>5.0690682826427101E-2</v>
      </c>
      <c r="AH41" s="89">
        <v>1.4643284674613623E-2</v>
      </c>
      <c r="AI41" s="48">
        <v>928</v>
      </c>
      <c r="AJ41" s="79">
        <v>5.2267405731357206</v>
      </c>
      <c r="AK41" s="80">
        <v>0.11000326548286081</v>
      </c>
      <c r="AL41" s="191">
        <v>0.13564533900542483</v>
      </c>
      <c r="AM41" s="89">
        <v>2.2540641191134546E-2</v>
      </c>
      <c r="AN41" s="191">
        <v>0.11511389584572194</v>
      </c>
      <c r="AO41" s="89">
        <v>2.1038644503079372E-2</v>
      </c>
      <c r="AP41" s="191">
        <v>0.63506056959951152</v>
      </c>
      <c r="AQ41" s="89">
        <v>3.1549054705876586E-2</v>
      </c>
      <c r="AR41" s="191">
        <v>0.11418019554934157</v>
      </c>
      <c r="AS41" s="89">
        <v>2.0965747497489178E-2</v>
      </c>
      <c r="AT41" s="48">
        <v>802</v>
      </c>
      <c r="AU41" s="79">
        <v>4.5103950972108642</v>
      </c>
      <c r="AV41" s="80">
        <v>0.15218539751539156</v>
      </c>
      <c r="AW41" s="191">
        <v>0.19032842264937361</v>
      </c>
      <c r="AX41" s="89">
        <v>2.7739749274006853E-2</v>
      </c>
      <c r="AY41" s="191">
        <v>0.13485384464982794</v>
      </c>
      <c r="AZ41" s="89">
        <v>2.4198147406934489E-2</v>
      </c>
      <c r="BA41" s="191">
        <v>0.39111219054021967</v>
      </c>
      <c r="BB41" s="89">
        <v>3.4386565835904812E-2</v>
      </c>
      <c r="BC41" s="191">
        <v>0.28370554216057731</v>
      </c>
      <c r="BD41" s="89">
        <v>3.1793370219807472E-2</v>
      </c>
    </row>
    <row r="42" spans="1:56">
      <c r="A42" s="44" t="s">
        <v>536</v>
      </c>
      <c r="B42" s="44">
        <v>198</v>
      </c>
      <c r="C42" s="173">
        <v>5.1941951515389295</v>
      </c>
      <c r="D42" s="125">
        <v>0.24209288229095263</v>
      </c>
      <c r="E42" s="192">
        <v>0.19485145333676171</v>
      </c>
      <c r="F42" s="92">
        <v>5.6381936587630188E-2</v>
      </c>
      <c r="G42" s="192">
        <v>0.13233572853095987</v>
      </c>
      <c r="H42" s="92">
        <v>4.8771750323468574E-2</v>
      </c>
      <c r="I42" s="192">
        <v>0.67281281813227811</v>
      </c>
      <c r="J42" s="92">
        <v>6.6199034261972975E-2</v>
      </c>
      <c r="K42" s="192">
        <v>0</v>
      </c>
      <c r="L42" s="92">
        <v>1.3932624648124592E-2</v>
      </c>
      <c r="M42" s="44">
        <v>197</v>
      </c>
      <c r="N42" s="173">
        <v>3.7964467882448134</v>
      </c>
      <c r="O42" s="125">
        <v>0.28722513060538457</v>
      </c>
      <c r="P42" s="192">
        <v>0.38676090872382857</v>
      </c>
      <c r="Q42" s="92">
        <v>6.8774952297653472E-2</v>
      </c>
      <c r="R42" s="192">
        <v>0.12137429880168712</v>
      </c>
      <c r="S42" s="92">
        <v>4.7272171108332137E-2</v>
      </c>
      <c r="T42" s="192">
        <v>0.33616634861471495</v>
      </c>
      <c r="U42" s="92">
        <v>6.6798311070122324E-2</v>
      </c>
      <c r="V42" s="192">
        <v>0.15569844385976897</v>
      </c>
      <c r="W42" s="92">
        <v>5.2048129918985532E-2</v>
      </c>
      <c r="X42" s="44">
        <v>198</v>
      </c>
      <c r="Y42" s="173">
        <v>4.0218780572767594</v>
      </c>
      <c r="Z42" s="125">
        <v>0.27296977219528429</v>
      </c>
      <c r="AA42" s="192">
        <v>0.39222265911121773</v>
      </c>
      <c r="AB42" s="92">
        <v>6.8771328326722517E-2</v>
      </c>
      <c r="AC42" s="192">
        <v>0.15909174989235689</v>
      </c>
      <c r="AD42" s="92">
        <v>5.2339089365096153E-2</v>
      </c>
      <c r="AE42" s="192">
        <v>0.41216088176164206</v>
      </c>
      <c r="AF42" s="92">
        <v>6.9308727685457289E-2</v>
      </c>
      <c r="AG42" s="192">
        <v>3.6524709234782987E-2</v>
      </c>
      <c r="AH42" s="92">
        <v>2.9387720526866463E-2</v>
      </c>
      <c r="AI42" s="44">
        <v>198</v>
      </c>
      <c r="AJ42" s="173">
        <v>5.4112855660511334</v>
      </c>
      <c r="AK42" s="125">
        <v>0.23816277215219123</v>
      </c>
      <c r="AL42" s="192">
        <v>0.11429221453848626</v>
      </c>
      <c r="AM42" s="92">
        <v>4.6044117760017891E-2</v>
      </c>
      <c r="AN42" s="192">
        <v>0.10127759947791486</v>
      </c>
      <c r="AO42" s="92">
        <v>4.3884260111392182E-2</v>
      </c>
      <c r="AP42" s="192">
        <v>0.62118629879296561</v>
      </c>
      <c r="AQ42" s="92">
        <v>6.8345330297858206E-2</v>
      </c>
      <c r="AR42" s="192">
        <v>0.16324388719063304</v>
      </c>
      <c r="AS42" s="92">
        <v>5.2848021752276084E-2</v>
      </c>
      <c r="AT42" s="44">
        <v>181</v>
      </c>
      <c r="AU42" s="173">
        <v>4.7764951320206182</v>
      </c>
      <c r="AV42" s="125">
        <v>0.28859677964000391</v>
      </c>
      <c r="AW42" s="192">
        <v>0.11334970861588534</v>
      </c>
      <c r="AX42" s="92">
        <v>4.8075719603306491E-2</v>
      </c>
      <c r="AY42" s="192">
        <v>0.14116013267780675</v>
      </c>
      <c r="AZ42" s="92">
        <v>5.2348523061356296E-2</v>
      </c>
      <c r="BA42" s="192">
        <v>0.39790715865968096</v>
      </c>
      <c r="BB42" s="92">
        <v>7.2039463833781792E-2</v>
      </c>
      <c r="BC42" s="192">
        <v>0.34758300004662651</v>
      </c>
      <c r="BD42" s="92">
        <v>7.0175498774632777E-2</v>
      </c>
    </row>
    <row r="43" spans="1:56">
      <c r="A43" s="40" t="s">
        <v>537</v>
      </c>
      <c r="B43" s="48">
        <v>73</v>
      </c>
      <c r="C43" s="79">
        <v>4.6283973533042575</v>
      </c>
      <c r="D43" s="80">
        <v>0.41365472969566713</v>
      </c>
      <c r="E43" s="191">
        <v>0.25573067049661374</v>
      </c>
      <c r="F43" s="89">
        <v>0.10100037218952691</v>
      </c>
      <c r="G43" s="191">
        <v>0.2074574413253204</v>
      </c>
      <c r="H43" s="89">
        <v>9.482162337037732E-2</v>
      </c>
      <c r="I43" s="191">
        <v>0.53681188817806602</v>
      </c>
      <c r="J43" s="89">
        <v>0.11368263391927895</v>
      </c>
      <c r="K43" s="191">
        <v>0</v>
      </c>
      <c r="L43" s="89">
        <v>3.6252631573966396E-2</v>
      </c>
      <c r="M43" s="48">
        <v>73</v>
      </c>
      <c r="N43" s="79">
        <v>3.1969513060880743</v>
      </c>
      <c r="O43" s="80">
        <v>0.44303415014312941</v>
      </c>
      <c r="P43" s="191">
        <v>0.46172527174471611</v>
      </c>
      <c r="Q43" s="89">
        <v>0.11366007533247632</v>
      </c>
      <c r="R43" s="191">
        <v>0.1217955267345734</v>
      </c>
      <c r="S43" s="89">
        <v>7.9425380501856713E-2</v>
      </c>
      <c r="T43" s="191">
        <v>0.20089978864643424</v>
      </c>
      <c r="U43" s="89">
        <v>9.3861541305389692E-2</v>
      </c>
      <c r="V43" s="191">
        <v>0.21557941287427643</v>
      </c>
      <c r="W43" s="89">
        <v>9.5968422515158386E-2</v>
      </c>
      <c r="X43" s="48">
        <v>73</v>
      </c>
      <c r="Y43" s="79">
        <v>3.4035188230700171</v>
      </c>
      <c r="Z43" s="80">
        <v>0.42649204586425654</v>
      </c>
      <c r="AA43" s="191">
        <v>0.53890832601005678</v>
      </c>
      <c r="AB43" s="89">
        <v>0.11365003032227396</v>
      </c>
      <c r="AC43" s="191">
        <v>0.12848082069932176</v>
      </c>
      <c r="AD43" s="89">
        <v>8.088517971545485E-2</v>
      </c>
      <c r="AE43" s="191">
        <v>0.29531890133054128</v>
      </c>
      <c r="AF43" s="89">
        <v>0.10502819700761495</v>
      </c>
      <c r="AG43" s="191">
        <v>3.7291951960080297E-2</v>
      </c>
      <c r="AH43" s="89">
        <v>5.4685651909651668E-2</v>
      </c>
      <c r="AI43" s="48">
        <v>73</v>
      </c>
      <c r="AJ43" s="79">
        <v>5.189613085953809</v>
      </c>
      <c r="AK43" s="80">
        <v>0.39738713613167831</v>
      </c>
      <c r="AL43" s="191">
        <v>0.10083919583332823</v>
      </c>
      <c r="AM43" s="89">
        <v>7.4483288345700921E-2</v>
      </c>
      <c r="AN43" s="191">
        <v>0.15302123702515363</v>
      </c>
      <c r="AO43" s="89">
        <v>8.5823538933645346E-2</v>
      </c>
      <c r="AP43" s="191">
        <v>0.45932901192635922</v>
      </c>
      <c r="AQ43" s="89">
        <v>0.11362121268982096</v>
      </c>
      <c r="AR43" s="191">
        <v>0.28681055521515914</v>
      </c>
      <c r="AS43" s="89">
        <v>0.10423491470897825</v>
      </c>
      <c r="AT43" s="48">
        <v>69</v>
      </c>
      <c r="AU43" s="79">
        <v>4.2489211605976953</v>
      </c>
      <c r="AV43" s="80">
        <v>0.51085245498992249</v>
      </c>
      <c r="AW43" s="191">
        <v>0.14907374527221062</v>
      </c>
      <c r="AX43" s="89">
        <v>8.7578324185941428E-2</v>
      </c>
      <c r="AY43" s="191">
        <v>0.19370970817589875</v>
      </c>
      <c r="AZ43" s="89">
        <v>9.5425663579802505E-2</v>
      </c>
      <c r="BA43" s="191">
        <v>0.23194249258394237</v>
      </c>
      <c r="BB43" s="89">
        <v>0.10090112739976957</v>
      </c>
      <c r="BC43" s="191">
        <v>0.42527405396794843</v>
      </c>
      <c r="BD43" s="89">
        <v>0.11586747485441454</v>
      </c>
    </row>
    <row r="44" spans="1:56">
      <c r="A44" s="44" t="s">
        <v>546</v>
      </c>
      <c r="B44" s="44">
        <v>778</v>
      </c>
      <c r="C44" s="173">
        <v>5.5935264969349516</v>
      </c>
      <c r="D44" s="125">
        <v>9.9487186582156273E-2</v>
      </c>
      <c r="E44" s="192">
        <v>9.6304546442020356E-2</v>
      </c>
      <c r="F44" s="92">
        <v>2.1299583858064214E-2</v>
      </c>
      <c r="G44" s="192">
        <v>9.158352574935158E-2</v>
      </c>
      <c r="H44" s="92">
        <v>2.0838933440671226E-2</v>
      </c>
      <c r="I44" s="192">
        <v>0.79490985753588683</v>
      </c>
      <c r="J44" s="92">
        <v>2.8955882988979772E-2</v>
      </c>
      <c r="K44" s="192">
        <v>1.7202070272741607E-2</v>
      </c>
      <c r="L44" s="92">
        <v>9.9319042286739826E-3</v>
      </c>
      <c r="M44" s="44">
        <v>776</v>
      </c>
      <c r="N44" s="173">
        <v>4.792387317395189</v>
      </c>
      <c r="O44" s="125">
        <v>0.12961430865032261</v>
      </c>
      <c r="P44" s="192">
        <v>0.17599108332593766</v>
      </c>
      <c r="Q44" s="92">
        <v>2.7371349164274833E-2</v>
      </c>
      <c r="R44" s="192">
        <v>0.15781941621480874</v>
      </c>
      <c r="S44" s="92">
        <v>2.6224891955317176E-2</v>
      </c>
      <c r="T44" s="192">
        <v>0.51050895135555829</v>
      </c>
      <c r="U44" s="92">
        <v>3.5797915118713441E-2</v>
      </c>
      <c r="V44" s="192">
        <v>0.15568054910369655</v>
      </c>
      <c r="W44" s="92">
        <v>2.6082409405901501E-2</v>
      </c>
      <c r="X44" s="44">
        <v>778</v>
      </c>
      <c r="Y44" s="173">
        <v>4.9493618913198807</v>
      </c>
      <c r="Z44" s="125">
        <v>0.11818174843889338</v>
      </c>
      <c r="AA44" s="192">
        <v>0.15909365373801682</v>
      </c>
      <c r="AB44" s="92">
        <v>2.6275030153812502E-2</v>
      </c>
      <c r="AC44" s="192">
        <v>0.16137031282015901</v>
      </c>
      <c r="AD44" s="92">
        <v>2.6423661218318812E-2</v>
      </c>
      <c r="AE44" s="192">
        <v>0.60301168682800299</v>
      </c>
      <c r="AF44" s="92">
        <v>3.500068478235565E-2</v>
      </c>
      <c r="AG44" s="192">
        <v>7.6524346613821972E-2</v>
      </c>
      <c r="AH44" s="92">
        <v>1.9257080751926722E-2</v>
      </c>
      <c r="AI44" s="44">
        <v>771</v>
      </c>
      <c r="AJ44" s="173">
        <v>5.472296963413334</v>
      </c>
      <c r="AK44" s="125">
        <v>0.10477304938912624</v>
      </c>
      <c r="AL44" s="192">
        <v>8.4684267560361376E-2</v>
      </c>
      <c r="AM44" s="92">
        <v>2.0229491102188163E-2</v>
      </c>
      <c r="AN44" s="192">
        <v>0.11850837857273044</v>
      </c>
      <c r="AO44" s="92">
        <v>2.3385970041165004E-2</v>
      </c>
      <c r="AP44" s="192">
        <v>0.68524371629783121</v>
      </c>
      <c r="AQ44" s="92">
        <v>3.3392143037716933E-2</v>
      </c>
      <c r="AR44" s="192">
        <v>0.11156363756907767</v>
      </c>
      <c r="AS44" s="92">
        <v>2.279452938746741E-2</v>
      </c>
      <c r="AT44" s="44">
        <v>766</v>
      </c>
      <c r="AU44" s="173">
        <v>5.2379915116016189</v>
      </c>
      <c r="AV44" s="125">
        <v>0.11532338068637926</v>
      </c>
      <c r="AW44" s="192">
        <v>9.041006064283072E-2</v>
      </c>
      <c r="AX44" s="92">
        <v>2.0886154744227326E-2</v>
      </c>
      <c r="AY44" s="192">
        <v>0.11444492988289003</v>
      </c>
      <c r="AZ44" s="92">
        <v>2.3118859465729249E-2</v>
      </c>
      <c r="BA44" s="192">
        <v>0.56348021782102675</v>
      </c>
      <c r="BB44" s="92">
        <v>3.5748909390847287E-2</v>
      </c>
      <c r="BC44" s="192">
        <v>0.2316647916532536</v>
      </c>
      <c r="BD44" s="92">
        <v>3.0471819140224971E-2</v>
      </c>
    </row>
    <row r="45" spans="1:56">
      <c r="A45" s="40" t="s">
        <v>547</v>
      </c>
      <c r="B45" s="48">
        <v>127</v>
      </c>
      <c r="C45" s="79">
        <v>5.4626632865228384</v>
      </c>
      <c r="D45" s="80">
        <v>0.27740067707794741</v>
      </c>
      <c r="E45" s="191">
        <v>0.13204737122948168</v>
      </c>
      <c r="F45" s="89">
        <v>6.1222325988377811E-2</v>
      </c>
      <c r="G45" s="191">
        <v>0.1022987261202154</v>
      </c>
      <c r="H45" s="89">
        <v>5.5628330918252561E-2</v>
      </c>
      <c r="I45" s="191">
        <v>0.72820555144619148</v>
      </c>
      <c r="J45" s="89">
        <v>7.8352110668350072E-2</v>
      </c>
      <c r="K45" s="191">
        <v>3.7448351204111538E-2</v>
      </c>
      <c r="L45" s="89">
        <v>3.8645931503696822E-2</v>
      </c>
      <c r="M45" s="48">
        <v>127</v>
      </c>
      <c r="N45" s="79">
        <v>4.6076180031786018</v>
      </c>
      <c r="O45" s="80">
        <v>0.38407414343900076</v>
      </c>
      <c r="P45" s="191">
        <v>0.20672577757135538</v>
      </c>
      <c r="Q45" s="89">
        <v>7.1869802670971511E-2</v>
      </c>
      <c r="R45" s="191">
        <v>0.14842244396316726</v>
      </c>
      <c r="S45" s="89">
        <v>6.3924211627201744E-2</v>
      </c>
      <c r="T45" s="191">
        <v>0.4555245004816299</v>
      </c>
      <c r="U45" s="89">
        <v>8.7044935989634184E-2</v>
      </c>
      <c r="V45" s="191">
        <v>0.18932727798384788</v>
      </c>
      <c r="W45" s="89">
        <v>6.9740341293697022E-2</v>
      </c>
      <c r="X45" s="48">
        <v>127</v>
      </c>
      <c r="Y45" s="79">
        <v>4.9052711684364176</v>
      </c>
      <c r="Z45" s="80">
        <v>0.32292557039469805</v>
      </c>
      <c r="AA45" s="191">
        <v>0.19730528124904542</v>
      </c>
      <c r="AB45" s="89">
        <v>7.0740002670196034E-2</v>
      </c>
      <c r="AC45" s="191">
        <v>0.11519360677574536</v>
      </c>
      <c r="AD45" s="89">
        <v>5.8172890081568611E-2</v>
      </c>
      <c r="AE45" s="191">
        <v>0.59397785871853326</v>
      </c>
      <c r="AF45" s="89">
        <v>8.5907686406685863E-2</v>
      </c>
      <c r="AG45" s="191">
        <v>9.35232532566765E-2</v>
      </c>
      <c r="AH45" s="89">
        <v>5.377720060587074E-2</v>
      </c>
      <c r="AI45" s="48">
        <v>127</v>
      </c>
      <c r="AJ45" s="79">
        <v>5.3739433702933033</v>
      </c>
      <c r="AK45" s="80">
        <v>0.27291683404268202</v>
      </c>
      <c r="AL45" s="191">
        <v>8.6352671040434426E-2</v>
      </c>
      <c r="AM45" s="89">
        <v>5.2184483385765659E-2</v>
      </c>
      <c r="AN45" s="191">
        <v>0.12113045300478513</v>
      </c>
      <c r="AO45" s="89">
        <v>5.9280666921687437E-2</v>
      </c>
      <c r="AP45" s="191">
        <v>0.62840492085627131</v>
      </c>
      <c r="AQ45" s="89">
        <v>8.4619253927707805E-2</v>
      </c>
      <c r="AR45" s="191">
        <v>0.16411195509850982</v>
      </c>
      <c r="AS45" s="89">
        <v>6.6301152343933634E-2</v>
      </c>
      <c r="AT45" s="48">
        <v>125</v>
      </c>
      <c r="AU45" s="79">
        <v>4.9423995488548167</v>
      </c>
      <c r="AV45" s="80">
        <v>0.35210352886668006</v>
      </c>
      <c r="AW45" s="191">
        <v>0.14686427517257467</v>
      </c>
      <c r="AX45" s="89">
        <v>6.4196619499423443E-2</v>
      </c>
      <c r="AY45" s="191">
        <v>0.10405883764573944</v>
      </c>
      <c r="AZ45" s="89">
        <v>5.6459355974377609E-2</v>
      </c>
      <c r="BA45" s="191">
        <v>0.44759561478985871</v>
      </c>
      <c r="BB45" s="89">
        <v>8.7589856084166265E-2</v>
      </c>
      <c r="BC45" s="191">
        <v>0.30148127239182765</v>
      </c>
      <c r="BD45" s="89">
        <v>8.1268324755045265E-2</v>
      </c>
    </row>
    <row r="46" spans="1:56">
      <c r="A46" s="44" t="s">
        <v>548</v>
      </c>
      <c r="B46" s="44">
        <v>99</v>
      </c>
      <c r="C46" s="173">
        <v>5.1467230293166351</v>
      </c>
      <c r="D46" s="125">
        <v>0.32744559633120884</v>
      </c>
      <c r="E46" s="192">
        <v>0.1582235024530666</v>
      </c>
      <c r="F46" s="92">
        <v>7.4282423305780498E-2</v>
      </c>
      <c r="G46" s="192">
        <v>0.18696322703167653</v>
      </c>
      <c r="H46" s="92">
        <v>7.8695979477967221E-2</v>
      </c>
      <c r="I46" s="192">
        <v>0.63429857306900217</v>
      </c>
      <c r="J46" s="92">
        <v>9.5192713010145869E-2</v>
      </c>
      <c r="K46" s="192">
        <v>2.0514697446254199E-2</v>
      </c>
      <c r="L46" s="92">
        <v>3.8214468687099178E-2</v>
      </c>
      <c r="M46" s="44">
        <v>99</v>
      </c>
      <c r="N46" s="173">
        <v>3.8688747515385065</v>
      </c>
      <c r="O46" s="125">
        <v>0.41212325833537294</v>
      </c>
      <c r="P46" s="192">
        <v>0.32420359303383445</v>
      </c>
      <c r="Q46" s="92">
        <v>9.2736049837951556E-2</v>
      </c>
      <c r="R46" s="192">
        <v>0.16534240289145852</v>
      </c>
      <c r="S46" s="92">
        <v>7.5436356946877323E-2</v>
      </c>
      <c r="T46" s="192">
        <v>0.29833643826920153</v>
      </c>
      <c r="U46" s="92">
        <v>9.0827729509029537E-2</v>
      </c>
      <c r="V46" s="192">
        <v>0.21211756580550489</v>
      </c>
      <c r="W46" s="92">
        <v>8.2069283486327096E-2</v>
      </c>
      <c r="X46" s="44">
        <v>99</v>
      </c>
      <c r="Y46" s="173">
        <v>3.7360002604783169</v>
      </c>
      <c r="Z46" s="125">
        <v>0.37939609685539716</v>
      </c>
      <c r="AA46" s="192">
        <v>0.38991491322425192</v>
      </c>
      <c r="AB46" s="92">
        <v>9.6301358924992086E-2</v>
      </c>
      <c r="AC46" s="192">
        <v>0.1527266062479114</v>
      </c>
      <c r="AD46" s="92">
        <v>7.3362037839128952E-2</v>
      </c>
      <c r="AE46" s="192">
        <v>0.31268990758690174</v>
      </c>
      <c r="AF46" s="92">
        <v>9.1923790648700973E-2</v>
      </c>
      <c r="AG46" s="192">
        <v>0.14466857294093452</v>
      </c>
      <c r="AH46" s="92">
        <v>7.1964336272908977E-2</v>
      </c>
      <c r="AI46" s="44">
        <v>99</v>
      </c>
      <c r="AJ46" s="173">
        <v>5.421863703459934</v>
      </c>
      <c r="AK46" s="125">
        <v>0.30846837613628214</v>
      </c>
      <c r="AL46" s="192">
        <v>8.0470931635051424E-2</v>
      </c>
      <c r="AM46" s="92">
        <v>5.8259607160170063E-2</v>
      </c>
      <c r="AN46" s="192">
        <v>0.10661535754116599</v>
      </c>
      <c r="AO46" s="92">
        <v>6.4472366712876594E-2</v>
      </c>
      <c r="AP46" s="192">
        <v>0.70504981570842762</v>
      </c>
      <c r="AQ46" s="92">
        <v>9.0555315144575099E-2</v>
      </c>
      <c r="AR46" s="192">
        <v>0.10786389511535438</v>
      </c>
      <c r="AS46" s="92">
        <v>6.4744673329978908E-2</v>
      </c>
      <c r="AT46" s="44">
        <v>88</v>
      </c>
      <c r="AU46" s="173">
        <v>4.9565701323562328</v>
      </c>
      <c r="AV46" s="125">
        <v>0.3874615081161254</v>
      </c>
      <c r="AW46" s="192">
        <v>9.7422692255594245E-2</v>
      </c>
      <c r="AX46" s="92">
        <v>6.6502061327173234E-2</v>
      </c>
      <c r="AY46" s="192">
        <v>0.17255037386421898</v>
      </c>
      <c r="AZ46" s="92">
        <v>8.126655374130197E-2</v>
      </c>
      <c r="BA46" s="192">
        <v>0.43771765004411423</v>
      </c>
      <c r="BB46" s="92">
        <v>0.10351452077921786</v>
      </c>
      <c r="BC46" s="192">
        <v>0.29230928383607235</v>
      </c>
      <c r="BD46" s="92">
        <v>9.5674705263029763E-2</v>
      </c>
    </row>
    <row r="47" spans="1:56">
      <c r="A47" s="40" t="s">
        <v>538</v>
      </c>
      <c r="B47" s="189">
        <v>126</v>
      </c>
      <c r="C47" s="79">
        <v>4.2356810406482674</v>
      </c>
      <c r="D47" s="80">
        <v>0.3247019384783727</v>
      </c>
      <c r="E47" s="191">
        <v>0.34199450943365051</v>
      </c>
      <c r="F47" s="89">
        <v>8.3490576470203359E-2</v>
      </c>
      <c r="G47" s="191">
        <v>0.2014240789600224</v>
      </c>
      <c r="H47" s="89">
        <v>7.1522782655454156E-2</v>
      </c>
      <c r="I47" s="191">
        <v>0.44744234818982159</v>
      </c>
      <c r="J47" s="89">
        <v>8.7249433084880132E-2</v>
      </c>
      <c r="K47" s="191">
        <v>9.1390634165060842E-3</v>
      </c>
      <c r="L47" s="89">
        <v>2.6978498085600357E-2</v>
      </c>
      <c r="M47" s="189">
        <v>125</v>
      </c>
      <c r="N47" s="79">
        <v>2.8300047268222626</v>
      </c>
      <c r="O47" s="80">
        <v>0.3097711637982839</v>
      </c>
      <c r="P47" s="191">
        <v>0.64356621610494091</v>
      </c>
      <c r="Q47" s="89">
        <v>8.4568607411065727E-2</v>
      </c>
      <c r="R47" s="191">
        <v>0.11159156257106259</v>
      </c>
      <c r="S47" s="89">
        <v>5.7962715549863576E-2</v>
      </c>
      <c r="T47" s="191">
        <v>0.18797428156240226</v>
      </c>
      <c r="U47" s="89">
        <v>7.0123738634249921E-2</v>
      </c>
      <c r="V47" s="191">
        <v>5.6867939761595078E-2</v>
      </c>
      <c r="W47" s="89">
        <v>4.5108968117930498E-2</v>
      </c>
      <c r="X47" s="189">
        <v>125</v>
      </c>
      <c r="Y47" s="79">
        <v>2.6791971877050922</v>
      </c>
      <c r="Z47" s="80">
        <v>0.30870728741151127</v>
      </c>
      <c r="AA47" s="191">
        <v>0.67723854028495567</v>
      </c>
      <c r="AB47" s="89">
        <v>8.2688248071623671E-2</v>
      </c>
      <c r="AC47" s="191">
        <v>0.15079887185167995</v>
      </c>
      <c r="AD47" s="89">
        <v>6.4820225302706633E-2</v>
      </c>
      <c r="AE47" s="191">
        <v>0.15295083865942399</v>
      </c>
      <c r="AF47" s="89">
        <v>6.5155845770727638E-2</v>
      </c>
      <c r="AG47" s="191">
        <v>1.9011749203941344E-2</v>
      </c>
      <c r="AH47" s="89">
        <v>3.1879196583578462E-2</v>
      </c>
      <c r="AI47" s="189">
        <v>125</v>
      </c>
      <c r="AJ47" s="79">
        <v>5.0565310808400969</v>
      </c>
      <c r="AK47" s="80">
        <v>0.26188929504002234</v>
      </c>
      <c r="AL47" s="191">
        <v>0.13717674580390496</v>
      </c>
      <c r="AM47" s="89">
        <v>6.2604079270589488E-2</v>
      </c>
      <c r="AN47" s="191">
        <v>0.18049684757161105</v>
      </c>
      <c r="AO47" s="89">
        <v>6.9136483043882299E-2</v>
      </c>
      <c r="AP47" s="191">
        <v>0.60808789442735178</v>
      </c>
      <c r="AQ47" s="89">
        <v>8.609176657985558E-2</v>
      </c>
      <c r="AR47" s="191">
        <v>7.4238512197133011E-2</v>
      </c>
      <c r="AS47" s="89">
        <v>4.9741842681791826E-2</v>
      </c>
      <c r="AT47" s="189">
        <v>107</v>
      </c>
      <c r="AU47" s="79">
        <v>4.6945380484540147</v>
      </c>
      <c r="AV47" s="80">
        <v>0.37856669778467883</v>
      </c>
      <c r="AW47" s="191">
        <v>0.15970447975644939</v>
      </c>
      <c r="AX47" s="89">
        <v>7.1633351014078889E-2</v>
      </c>
      <c r="AY47" s="191">
        <v>0.16273253298017218</v>
      </c>
      <c r="AZ47" s="89">
        <v>7.2111298411243974E-2</v>
      </c>
      <c r="BA47" s="191">
        <v>0.38995154096986018</v>
      </c>
      <c r="BB47" s="89">
        <v>9.2754922728571401E-2</v>
      </c>
      <c r="BC47" s="191">
        <v>0.28761144629351865</v>
      </c>
      <c r="BD47" s="89">
        <v>8.6593929786322132E-2</v>
      </c>
    </row>
    <row r="48" spans="1:56">
      <c r="A48" s="44" t="s">
        <v>539</v>
      </c>
      <c r="B48" s="190">
        <v>97</v>
      </c>
      <c r="C48" s="173">
        <v>4.31789037950238</v>
      </c>
      <c r="D48" s="125">
        <v>0.37926903139132601</v>
      </c>
      <c r="E48" s="192">
        <v>0.31428676998138683</v>
      </c>
      <c r="F48" s="92">
        <v>9.2957636351115022E-2</v>
      </c>
      <c r="G48" s="192">
        <v>0.20367594629225938</v>
      </c>
      <c r="H48" s="92">
        <v>8.181345975614214E-2</v>
      </c>
      <c r="I48" s="192">
        <v>0.47120832523545431</v>
      </c>
      <c r="J48" s="92">
        <v>9.9351441313980993E-2</v>
      </c>
      <c r="K48" s="192">
        <v>1.0828958490898927E-2</v>
      </c>
      <c r="L48" s="92">
        <v>3.4058716958138072E-2</v>
      </c>
      <c r="M48" s="190">
        <v>96</v>
      </c>
      <c r="N48" s="173">
        <v>2.931654385036802</v>
      </c>
      <c r="O48" s="125">
        <v>0.35694381276512116</v>
      </c>
      <c r="P48" s="192">
        <v>0.60989936289455038</v>
      </c>
      <c r="Q48" s="92">
        <v>9.7748459842720542E-2</v>
      </c>
      <c r="R48" s="192">
        <v>0.12004187943255737</v>
      </c>
      <c r="S48" s="92">
        <v>6.8395991522384389E-2</v>
      </c>
      <c r="T48" s="192">
        <v>0.20256030669116223</v>
      </c>
      <c r="U48" s="92">
        <v>8.2089148111780988E-2</v>
      </c>
      <c r="V48" s="192">
        <v>6.7498450981729408E-2</v>
      </c>
      <c r="W48" s="92">
        <v>5.5716326205236338E-2</v>
      </c>
      <c r="X48" s="190">
        <v>96</v>
      </c>
      <c r="Y48" s="173">
        <v>2.7558812524445675</v>
      </c>
      <c r="Z48" s="125">
        <v>0.3525107789244511</v>
      </c>
      <c r="AA48" s="192">
        <v>0.65693256066840389</v>
      </c>
      <c r="AB48" s="92">
        <v>9.53526073401533E-2</v>
      </c>
      <c r="AC48" s="192">
        <v>0.16657834012900211</v>
      </c>
      <c r="AD48" s="92">
        <v>7.6823362328220249E-2</v>
      </c>
      <c r="AE48" s="192">
        <v>0.15392342112283661</v>
      </c>
      <c r="AF48" s="92">
        <v>7.4731757916149277E-2</v>
      </c>
      <c r="AG48" s="192">
        <v>2.2565678079757005E-2</v>
      </c>
      <c r="AH48" s="92">
        <v>3.9963604012429731E-2</v>
      </c>
      <c r="AI48" s="190">
        <v>96</v>
      </c>
      <c r="AJ48" s="173">
        <v>5.1266158959693495</v>
      </c>
      <c r="AK48" s="125">
        <v>0.29648852025186906</v>
      </c>
      <c r="AL48" s="192">
        <v>0.13264304271274358</v>
      </c>
      <c r="AM48" s="92">
        <v>7.0888372768326172E-2</v>
      </c>
      <c r="AN48" s="192">
        <v>0.16681712759066106</v>
      </c>
      <c r="AO48" s="92">
        <v>7.6861543655607142E-2</v>
      </c>
      <c r="AP48" s="192">
        <v>0.63166609972937426</v>
      </c>
      <c r="AQ48" s="92">
        <v>9.675188423768942E-2</v>
      </c>
      <c r="AR48" s="192">
        <v>6.8873729967220881E-2</v>
      </c>
      <c r="AS48" s="92">
        <v>5.6107873375302174E-2</v>
      </c>
      <c r="AT48" s="190">
        <v>86</v>
      </c>
      <c r="AU48" s="173">
        <v>4.7302288278384479</v>
      </c>
      <c r="AV48" s="125">
        <v>0.43916059404317043</v>
      </c>
      <c r="AW48" s="192">
        <v>0.13807971682475301</v>
      </c>
      <c r="AX48" s="92">
        <v>7.6128019713257694E-2</v>
      </c>
      <c r="AY48" s="192">
        <v>0.15742008322079937</v>
      </c>
      <c r="AZ48" s="92">
        <v>7.9676921308512796E-2</v>
      </c>
      <c r="BA48" s="192">
        <v>0.37930977897761542</v>
      </c>
      <c r="BB48" s="92">
        <v>0.10256702199276443</v>
      </c>
      <c r="BC48" s="192">
        <v>0.32519042097683121</v>
      </c>
      <c r="BD48" s="92">
        <v>9.9352917547991706E-2</v>
      </c>
    </row>
    <row r="49" spans="1:56">
      <c r="A49" s="40" t="s">
        <v>540</v>
      </c>
      <c r="B49" s="49">
        <v>263</v>
      </c>
      <c r="C49" s="79">
        <v>5.1343442603937488</v>
      </c>
      <c r="D49" s="80">
        <v>0.23583498187091803</v>
      </c>
      <c r="E49" s="191">
        <v>0.20832316802789289</v>
      </c>
      <c r="F49" s="89">
        <v>5.0086757148823186E-2</v>
      </c>
      <c r="G49" s="191">
        <v>0.11324751734330364</v>
      </c>
      <c r="H49" s="89">
        <v>3.9637055363178374E-2</v>
      </c>
      <c r="I49" s="191">
        <v>0.66952030294413645</v>
      </c>
      <c r="J49" s="89">
        <v>5.7685373536799443E-2</v>
      </c>
      <c r="K49" s="191">
        <v>8.9090116846658306E-3</v>
      </c>
      <c r="L49" s="89">
        <v>1.5483029944523472E-2</v>
      </c>
      <c r="M49" s="49">
        <v>262</v>
      </c>
      <c r="N49" s="79">
        <v>3.8222885108451381</v>
      </c>
      <c r="O49" s="80">
        <v>0.26653481409994756</v>
      </c>
      <c r="P49" s="191">
        <v>0.38481860995918965</v>
      </c>
      <c r="Q49" s="89">
        <v>5.9714766560347195E-2</v>
      </c>
      <c r="R49" s="191">
        <v>0.13943894771446214</v>
      </c>
      <c r="S49" s="89">
        <v>4.3160172524068084E-2</v>
      </c>
      <c r="T49" s="191">
        <v>0.33240630630266055</v>
      </c>
      <c r="U49" s="89">
        <v>5.7876033404192173E-2</v>
      </c>
      <c r="V49" s="191">
        <v>0.14333613602368672</v>
      </c>
      <c r="W49" s="89">
        <v>4.3630016636042553E-2</v>
      </c>
      <c r="X49" s="49">
        <v>261</v>
      </c>
      <c r="Y49" s="79">
        <v>3.9058371955118134</v>
      </c>
      <c r="Z49" s="80">
        <v>0.25192407001275763</v>
      </c>
      <c r="AA49" s="191">
        <v>0.42726638929893324</v>
      </c>
      <c r="AB49" s="89">
        <v>6.079576947243135E-2</v>
      </c>
      <c r="AC49" s="191">
        <v>0.14318907027089028</v>
      </c>
      <c r="AD49" s="89">
        <v>4.3697138806247503E-2</v>
      </c>
      <c r="AE49" s="191">
        <v>0.39126977244192501</v>
      </c>
      <c r="AF49" s="89">
        <v>6.0004017793625082E-2</v>
      </c>
      <c r="AG49" s="191">
        <v>3.8274767988250524E-2</v>
      </c>
      <c r="AH49" s="89">
        <v>2.5534931257942105E-2</v>
      </c>
      <c r="AI49" s="49">
        <v>263</v>
      </c>
      <c r="AJ49" s="79">
        <v>5.2309299631387534</v>
      </c>
      <c r="AK49" s="80">
        <v>0.19682900865253794</v>
      </c>
      <c r="AL49" s="191">
        <v>0.12495220413081772</v>
      </c>
      <c r="AM49" s="89">
        <v>4.1239619213652996E-2</v>
      </c>
      <c r="AN49" s="191">
        <v>0.14298836484865476</v>
      </c>
      <c r="AO49" s="89">
        <v>4.3504363994787389E-2</v>
      </c>
      <c r="AP49" s="191">
        <v>0.64789176932964376</v>
      </c>
      <c r="AQ49" s="89">
        <v>5.8543937306313895E-2</v>
      </c>
      <c r="AR49" s="191">
        <v>8.4167661690882592E-2</v>
      </c>
      <c r="AS49" s="89">
        <v>3.509765445872351E-2</v>
      </c>
      <c r="AT49" s="49">
        <v>206</v>
      </c>
      <c r="AU49" s="79">
        <v>4.7270789765552301</v>
      </c>
      <c r="AV49" s="80">
        <v>0.30838432529285742</v>
      </c>
      <c r="AW49" s="191">
        <v>0.19662264754416359</v>
      </c>
      <c r="AX49" s="89">
        <v>5.5452251824447622E-2</v>
      </c>
      <c r="AY49" s="191">
        <v>8.3346206729888295E-2</v>
      </c>
      <c r="AZ49" s="89">
        <v>3.9749209091463934E-2</v>
      </c>
      <c r="BA49" s="191">
        <v>0.40263185409094399</v>
      </c>
      <c r="BB49" s="89">
        <v>6.7735784808003879E-2</v>
      </c>
      <c r="BC49" s="191">
        <v>0.31739929163500469</v>
      </c>
      <c r="BD49" s="89">
        <v>6.4426420829948344E-2</v>
      </c>
    </row>
    <row r="50" spans="1:56" ht="25.5">
      <c r="A50" s="44" t="s">
        <v>541</v>
      </c>
      <c r="B50" s="190">
        <v>114</v>
      </c>
      <c r="C50" s="173">
        <v>4.750036351294276</v>
      </c>
      <c r="D50" s="125">
        <v>0.35528047356342274</v>
      </c>
      <c r="E50" s="192">
        <v>0.29154812087818993</v>
      </c>
      <c r="F50" s="92">
        <v>8.4260249450749419E-2</v>
      </c>
      <c r="G50" s="192">
        <v>0.12171902674838025</v>
      </c>
      <c r="H50" s="92">
        <v>6.2826241701286839E-2</v>
      </c>
      <c r="I50" s="192">
        <v>0.57514573303359595</v>
      </c>
      <c r="J50" s="92">
        <v>9.1081909384705631E-2</v>
      </c>
      <c r="K50" s="192">
        <v>1.1587119339834669E-2</v>
      </c>
      <c r="L50" s="92">
        <v>3.0449420271719756E-2</v>
      </c>
      <c r="M50" s="190">
        <v>113</v>
      </c>
      <c r="N50" s="173">
        <v>3.5803284362487551</v>
      </c>
      <c r="O50" s="125">
        <v>0.39857471250245774</v>
      </c>
      <c r="P50" s="192">
        <v>0.42963291667748998</v>
      </c>
      <c r="Q50" s="92">
        <v>9.1592044599485958E-2</v>
      </c>
      <c r="R50" s="192">
        <v>0.13243804727132599</v>
      </c>
      <c r="S50" s="92">
        <v>6.5104263563763282E-2</v>
      </c>
      <c r="T50" s="192">
        <v>0.25481306009965943</v>
      </c>
      <c r="U50" s="92">
        <v>8.1424001177048344E-2</v>
      </c>
      <c r="V50" s="192">
        <v>0.18311597595152559</v>
      </c>
      <c r="W50" s="92">
        <v>7.3107616158208821E-2</v>
      </c>
      <c r="X50" s="190">
        <v>113</v>
      </c>
      <c r="Y50" s="173">
        <v>3.7705370590693272</v>
      </c>
      <c r="Z50" s="125">
        <v>0.37316439799260948</v>
      </c>
      <c r="AA50" s="192">
        <v>0.48630730164855712</v>
      </c>
      <c r="AB50" s="92">
        <v>9.2417690003396211E-2</v>
      </c>
      <c r="AC50" s="192">
        <v>0.13306098353392362</v>
      </c>
      <c r="AD50" s="92">
        <v>6.5216228636766363E-2</v>
      </c>
      <c r="AE50" s="192">
        <v>0.34546435481462184</v>
      </c>
      <c r="AF50" s="92">
        <v>8.8235064541423214E-2</v>
      </c>
      <c r="AG50" s="192">
        <v>3.5167360002898107E-2</v>
      </c>
      <c r="AH50" s="92">
        <v>4.0699879305815791E-2</v>
      </c>
      <c r="AI50" s="190">
        <v>114</v>
      </c>
      <c r="AJ50" s="173">
        <v>5.376737080342731</v>
      </c>
      <c r="AK50" s="125">
        <v>0.28974957435761045</v>
      </c>
      <c r="AL50" s="192">
        <v>0.14998507095830999</v>
      </c>
      <c r="AM50" s="92">
        <v>6.7811944987664519E-2</v>
      </c>
      <c r="AN50" s="192">
        <v>9.5784507513011374E-2</v>
      </c>
      <c r="AO50" s="92">
        <v>5.7489684875016649E-2</v>
      </c>
      <c r="AP50" s="192">
        <v>0.69306727080158315</v>
      </c>
      <c r="AQ50" s="92">
        <v>8.5412124162349806E-2</v>
      </c>
      <c r="AR50" s="192">
        <v>6.1163150727096445E-2</v>
      </c>
      <c r="AS50" s="92">
        <v>4.8801587302561254E-2</v>
      </c>
      <c r="AT50" s="190">
        <v>82</v>
      </c>
      <c r="AU50" s="173">
        <v>4.8180247243210488</v>
      </c>
      <c r="AV50" s="125">
        <v>0.44640308646424193</v>
      </c>
      <c r="AW50" s="192">
        <v>0.20866200120287443</v>
      </c>
      <c r="AX50" s="92">
        <v>8.9659345904505874E-2</v>
      </c>
      <c r="AY50" s="192">
        <v>5.6997574830511662E-2</v>
      </c>
      <c r="AZ50" s="92">
        <v>5.7700193787072508E-2</v>
      </c>
      <c r="BA50" s="192">
        <v>0.44263231721904794</v>
      </c>
      <c r="BB50" s="92">
        <v>0.10718555387293519</v>
      </c>
      <c r="BC50" s="192">
        <v>0.29170810674756598</v>
      </c>
      <c r="BD50" s="92">
        <v>9.8961230748686554E-2</v>
      </c>
    </row>
    <row r="51" spans="1:56" ht="25.5">
      <c r="A51" s="52" t="s">
        <v>549</v>
      </c>
      <c r="B51" s="189">
        <v>68</v>
      </c>
      <c r="C51" s="79">
        <v>5.2391064098508791</v>
      </c>
      <c r="D51" s="80">
        <v>0.51762714464049031</v>
      </c>
      <c r="E51" s="191">
        <v>0.20444382421131846</v>
      </c>
      <c r="F51" s="89">
        <v>9.7776069771019658E-2</v>
      </c>
      <c r="G51" s="191">
        <v>6.458622090542232E-2</v>
      </c>
      <c r="H51" s="89">
        <v>6.7038429801437815E-2</v>
      </c>
      <c r="I51" s="191">
        <v>0.73096995488325933</v>
      </c>
      <c r="J51" s="89">
        <v>0.10604393379905587</v>
      </c>
      <c r="K51" s="191">
        <v>0</v>
      </c>
      <c r="L51" s="89">
        <v>3.8734260487688681E-2</v>
      </c>
      <c r="M51" s="189">
        <v>68</v>
      </c>
      <c r="N51" s="79">
        <v>3.8390028985801314</v>
      </c>
      <c r="O51" s="80">
        <v>0.5123874494100058</v>
      </c>
      <c r="P51" s="191">
        <v>0.41400376788590149</v>
      </c>
      <c r="Q51" s="89">
        <v>0.11628593319742916</v>
      </c>
      <c r="R51" s="191">
        <v>7.8895169136737886E-2</v>
      </c>
      <c r="S51" s="89">
        <v>7.1424654166540216E-2</v>
      </c>
      <c r="T51" s="191">
        <v>0.42685516376890364</v>
      </c>
      <c r="U51" s="89">
        <v>0.11672088813320677</v>
      </c>
      <c r="V51" s="191">
        <v>8.02458992084574E-2</v>
      </c>
      <c r="W51" s="89">
        <v>7.1817571310068717E-2</v>
      </c>
      <c r="X51" s="189">
        <v>67</v>
      </c>
      <c r="Y51" s="79">
        <v>3.9045222761709373</v>
      </c>
      <c r="Z51" s="80">
        <v>0.51752225639642746</v>
      </c>
      <c r="AA51" s="191">
        <v>0.42345143596898738</v>
      </c>
      <c r="AB51" s="89">
        <v>0.11743310107552</v>
      </c>
      <c r="AC51" s="191">
        <v>6.2172506069117547E-2</v>
      </c>
      <c r="AD51" s="89">
        <v>6.6839247545345204E-2</v>
      </c>
      <c r="AE51" s="191">
        <v>0.48973554244705525</v>
      </c>
      <c r="AF51" s="89">
        <v>0.11865589447222756</v>
      </c>
      <c r="AG51" s="191">
        <v>2.464051551484002E-2</v>
      </c>
      <c r="AH51" s="89">
        <v>5.2421465447810005E-2</v>
      </c>
      <c r="AI51" s="189">
        <v>68</v>
      </c>
      <c r="AJ51" s="79">
        <v>5.1397417207045324</v>
      </c>
      <c r="AK51" s="80">
        <v>0.40957720150475541</v>
      </c>
      <c r="AL51" s="191">
        <v>8.6492353384209603E-2</v>
      </c>
      <c r="AM51" s="89">
        <v>7.3591369550532762E-2</v>
      </c>
      <c r="AN51" s="191">
        <v>0.1970479176367699</v>
      </c>
      <c r="AO51" s="89">
        <v>9.6647853944739306E-2</v>
      </c>
      <c r="AP51" s="191">
        <v>0.56512430819109616</v>
      </c>
      <c r="AQ51" s="89">
        <v>0.11695606396299474</v>
      </c>
      <c r="AR51" s="191">
        <v>0.15133542078792492</v>
      </c>
      <c r="AS51" s="89">
        <v>8.8683346691410814E-2</v>
      </c>
      <c r="AT51" s="189">
        <v>52</v>
      </c>
      <c r="AU51" s="79">
        <v>3.6740566225426545</v>
      </c>
      <c r="AV51" s="80">
        <v>0.62518901237176827</v>
      </c>
      <c r="AW51" s="191">
        <v>0.33430666289591721</v>
      </c>
      <c r="AX51" s="89">
        <v>0.12714662105848637</v>
      </c>
      <c r="AY51" s="191">
        <v>7.129093836517357E-2</v>
      </c>
      <c r="AZ51" s="89">
        <v>8.0855581896574394E-2</v>
      </c>
      <c r="BA51" s="191">
        <v>0.24223310720621993</v>
      </c>
      <c r="BB51" s="89">
        <v>0.11732409247049502</v>
      </c>
      <c r="BC51" s="191">
        <v>0.352169291532689</v>
      </c>
      <c r="BD51" s="89">
        <v>0.12849585051347701</v>
      </c>
    </row>
    <row r="52" spans="1:56">
      <c r="A52" s="44" t="s">
        <v>543</v>
      </c>
      <c r="B52" s="190">
        <v>81</v>
      </c>
      <c r="C52" s="173">
        <v>5.5876564424278401</v>
      </c>
      <c r="D52" s="125">
        <v>0.33515717076309742</v>
      </c>
      <c r="E52" s="192">
        <v>9.7599100833479543E-2</v>
      </c>
      <c r="F52" s="92">
        <v>6.9605633465973829E-2</v>
      </c>
      <c r="G52" s="192">
        <v>0.13362848518782081</v>
      </c>
      <c r="H52" s="92">
        <v>7.7644102788386266E-2</v>
      </c>
      <c r="I52" s="192">
        <v>0.75766601527731736</v>
      </c>
      <c r="J52" s="92">
        <v>9.4485563289268049E-2</v>
      </c>
      <c r="K52" s="192">
        <v>1.1106398701381923E-2</v>
      </c>
      <c r="L52" s="92">
        <v>3.9377179996021056E-2</v>
      </c>
      <c r="M52" s="190">
        <v>81</v>
      </c>
      <c r="N52" s="173">
        <v>4.1198841865703129</v>
      </c>
      <c r="O52" s="125">
        <v>0.4813479945595634</v>
      </c>
      <c r="P52" s="192">
        <v>0.30473243856129989</v>
      </c>
      <c r="Q52" s="92">
        <v>0.10067414924701983</v>
      </c>
      <c r="R52" s="192">
        <v>0.18866291166641033</v>
      </c>
      <c r="S52" s="92">
        <v>8.7306750148549467E-2</v>
      </c>
      <c r="T52" s="192">
        <v>0.37599645606776383</v>
      </c>
      <c r="U52" s="92">
        <v>0.10539255563627602</v>
      </c>
      <c r="V52" s="192">
        <v>0.13060819370452534</v>
      </c>
      <c r="W52" s="92">
        <v>7.7030139722737173E-2</v>
      </c>
      <c r="X52" s="190">
        <v>81</v>
      </c>
      <c r="Y52" s="173">
        <v>4.0938250861294332</v>
      </c>
      <c r="Z52" s="125">
        <v>0.43575076578539429</v>
      </c>
      <c r="AA52" s="192">
        <v>0.349412330714512</v>
      </c>
      <c r="AB52" s="92">
        <v>0.10390208246994645</v>
      </c>
      <c r="AC52" s="192">
        <v>0.20881380366003877</v>
      </c>
      <c r="AD52" s="92">
        <v>9.0229252868950408E-2</v>
      </c>
      <c r="AE52" s="192">
        <v>0.39054711260204861</v>
      </c>
      <c r="AF52" s="92">
        <v>0.10607900690113771</v>
      </c>
      <c r="AG52" s="192">
        <v>5.1226753023400157E-2</v>
      </c>
      <c r="AH52" s="92">
        <v>5.6197811783715593E-2</v>
      </c>
      <c r="AI52" s="190">
        <v>81</v>
      </c>
      <c r="AJ52" s="173">
        <v>5.0849470416815503</v>
      </c>
      <c r="AK52" s="125">
        <v>0.34770019058840235</v>
      </c>
      <c r="AL52" s="192">
        <v>0.11610359813207415</v>
      </c>
      <c r="AM52" s="92">
        <v>7.3937304793817493E-2</v>
      </c>
      <c r="AN52" s="192">
        <v>0.17178158224364701</v>
      </c>
      <c r="AO52" s="92">
        <v>8.4623219545572809E-2</v>
      </c>
      <c r="AP52" s="192">
        <v>0.64068487663253937</v>
      </c>
      <c r="AQ52" s="92">
        <v>0.10449356489623063</v>
      </c>
      <c r="AR52" s="192">
        <v>7.1429942991738896E-2</v>
      </c>
      <c r="AS52" s="92">
        <v>6.257522983819809E-2</v>
      </c>
      <c r="AT52" s="190">
        <v>72</v>
      </c>
      <c r="AU52" s="173">
        <v>5.2280592855041981</v>
      </c>
      <c r="AV52" s="125">
        <v>0.4844804731297182</v>
      </c>
      <c r="AW52" s="192">
        <v>9.8320480775731689E-2</v>
      </c>
      <c r="AX52" s="92">
        <v>7.4406584380757174E-2</v>
      </c>
      <c r="AY52" s="192">
        <v>0.12254691134953069</v>
      </c>
      <c r="AZ52" s="92">
        <v>8.0174625112478456E-2</v>
      </c>
      <c r="BA52" s="192">
        <v>0.45180732412690555</v>
      </c>
      <c r="BB52" s="92">
        <v>0.11422865103862165</v>
      </c>
      <c r="BC52" s="192">
        <v>0.3273252837478316</v>
      </c>
      <c r="BD52" s="92">
        <v>0.10839485155736861</v>
      </c>
    </row>
    <row r="53" spans="1:56">
      <c r="A53" s="52" t="s">
        <v>544</v>
      </c>
      <c r="B53" s="189">
        <v>113</v>
      </c>
      <c r="C53" s="79">
        <v>4.1625532813430857</v>
      </c>
      <c r="D53" s="80">
        <v>0.36292532791312437</v>
      </c>
      <c r="E53" s="191">
        <v>0.4089513232952301</v>
      </c>
      <c r="F53" s="89">
        <v>9.1009021294021636E-2</v>
      </c>
      <c r="G53" s="191">
        <v>0.11805278765525368</v>
      </c>
      <c r="H53" s="89">
        <v>6.2407748528139635E-2</v>
      </c>
      <c r="I53" s="191">
        <v>0.47299588904951612</v>
      </c>
      <c r="J53" s="89">
        <v>9.232417560717493E-2</v>
      </c>
      <c r="K53" s="191">
        <v>0</v>
      </c>
      <c r="L53" s="89">
        <v>2.3967079753657358E-2</v>
      </c>
      <c r="M53" s="189">
        <v>113</v>
      </c>
      <c r="N53" s="79">
        <v>3.0084943883618478</v>
      </c>
      <c r="O53" s="80">
        <v>0.32626352640817669</v>
      </c>
      <c r="P53" s="191">
        <v>0.55600455547636618</v>
      </c>
      <c r="Q53" s="89">
        <v>9.1907475953643153E-2</v>
      </c>
      <c r="R53" s="191">
        <v>0.1248995505248137</v>
      </c>
      <c r="S53" s="89">
        <v>6.3718326671076464E-2</v>
      </c>
      <c r="T53" s="191">
        <v>0.21392878998127951</v>
      </c>
      <c r="U53" s="89">
        <v>7.7053269304883376E-2</v>
      </c>
      <c r="V53" s="191">
        <v>0.10516710401754061</v>
      </c>
      <c r="W53" s="89">
        <v>5.9795699075688387E-2</v>
      </c>
      <c r="X53" s="189">
        <v>113</v>
      </c>
      <c r="Y53" s="79">
        <v>2.9385408387553351</v>
      </c>
      <c r="Z53" s="80">
        <v>0.31896841419206479</v>
      </c>
      <c r="AA53" s="191">
        <v>0.6741916433772418</v>
      </c>
      <c r="AB53" s="89">
        <v>8.7059567509189389E-2</v>
      </c>
      <c r="AC53" s="191">
        <v>7.8968204198939004E-2</v>
      </c>
      <c r="AD53" s="89">
        <v>5.3794768557199592E-2</v>
      </c>
      <c r="AE53" s="191">
        <v>0.2246845737540773</v>
      </c>
      <c r="AF53" s="89">
        <v>7.8292816624838266E-2</v>
      </c>
      <c r="AG53" s="191">
        <v>2.2155578669741761E-2</v>
      </c>
      <c r="AH53" s="89">
        <v>3.5571281624314971E-2</v>
      </c>
      <c r="AI53" s="189">
        <v>113</v>
      </c>
      <c r="AJ53" s="79">
        <v>4.8674868942538518</v>
      </c>
      <c r="AK53" s="80">
        <v>0.36696594254413306</v>
      </c>
      <c r="AL53" s="191">
        <v>0.21959684169278204</v>
      </c>
      <c r="AM53" s="89">
        <v>7.7714863699550746E-2</v>
      </c>
      <c r="AN53" s="191">
        <v>8.5596536550913982E-2</v>
      </c>
      <c r="AO53" s="89">
        <v>5.5411833550184669E-2</v>
      </c>
      <c r="AP53" s="191">
        <v>0.60726610942952042</v>
      </c>
      <c r="AQ53" s="89">
        <v>9.0443781390771277E-2</v>
      </c>
      <c r="AR53" s="191">
        <v>8.7540512326783393E-2</v>
      </c>
      <c r="AS53" s="89">
        <v>5.5872460981995303E-2</v>
      </c>
      <c r="AT53" s="189">
        <v>110</v>
      </c>
      <c r="AU53" s="79">
        <v>4.2211052404065299</v>
      </c>
      <c r="AV53" s="80">
        <v>0.4169376538758891</v>
      </c>
      <c r="AW53" s="191">
        <v>0.24565710200059393</v>
      </c>
      <c r="AX53" s="89">
        <v>8.1600162914649901E-2</v>
      </c>
      <c r="AY53" s="191">
        <v>0.15284515694088061</v>
      </c>
      <c r="AZ53" s="89">
        <v>6.9532887208887784E-2</v>
      </c>
      <c r="BA53" s="191">
        <v>0.40623431754251821</v>
      </c>
      <c r="BB53" s="89">
        <v>9.2112470385896608E-2</v>
      </c>
      <c r="BC53" s="191">
        <v>0.19526342351600726</v>
      </c>
      <c r="BD53" s="89">
        <v>7.5750765805072492E-2</v>
      </c>
    </row>
    <row r="54" spans="1:56">
      <c r="A54" s="44" t="s">
        <v>545</v>
      </c>
      <c r="B54" s="190">
        <v>122</v>
      </c>
      <c r="C54" s="173">
        <v>4.6411554546997928</v>
      </c>
      <c r="D54" s="125">
        <v>0.32685533767204406</v>
      </c>
      <c r="E54" s="192">
        <v>0.28640839738446278</v>
      </c>
      <c r="F54" s="92">
        <v>8.1109223769372199E-2</v>
      </c>
      <c r="G54" s="192">
        <v>0.12327216891332875</v>
      </c>
      <c r="H54" s="92">
        <v>6.0930391607071553E-2</v>
      </c>
      <c r="I54" s="192">
        <v>0.55995600455672245</v>
      </c>
      <c r="J54" s="92">
        <v>8.8484576912124621E-2</v>
      </c>
      <c r="K54" s="192">
        <v>3.0363429145486447E-2</v>
      </c>
      <c r="L54" s="92">
        <v>3.7042628795775898E-2</v>
      </c>
      <c r="M54" s="190">
        <v>120</v>
      </c>
      <c r="N54" s="173">
        <v>3.2344179414705452</v>
      </c>
      <c r="O54" s="125">
        <v>0.34900723271203798</v>
      </c>
      <c r="P54" s="192">
        <v>0.49386350860753703</v>
      </c>
      <c r="Q54" s="92">
        <v>8.979631678307351E-2</v>
      </c>
      <c r="R54" s="192">
        <v>0.16425036001008958</v>
      </c>
      <c r="S54" s="92">
        <v>6.8256546242323024E-2</v>
      </c>
      <c r="T54" s="192">
        <v>0.22289266944430575</v>
      </c>
      <c r="U54" s="92">
        <v>7.5793802964743293E-2</v>
      </c>
      <c r="V54" s="192">
        <v>0.11899346193806826</v>
      </c>
      <c r="W54" s="92">
        <v>6.065462989786722E-2</v>
      </c>
      <c r="X54" s="190">
        <v>122</v>
      </c>
      <c r="Y54" s="173">
        <v>3.5581926763404796</v>
      </c>
      <c r="Z54" s="125">
        <v>0.34137003687020084</v>
      </c>
      <c r="AA54" s="192">
        <v>0.49429564991189473</v>
      </c>
      <c r="AB54" s="92">
        <v>8.9081645020001349E-2</v>
      </c>
      <c r="AC54" s="192">
        <v>0.14343366727120155</v>
      </c>
      <c r="AD54" s="92">
        <v>6.4440121127709624E-2</v>
      </c>
      <c r="AE54" s="192">
        <v>0.30051614598484017</v>
      </c>
      <c r="AF54" s="92">
        <v>8.2171458056645844E-2</v>
      </c>
      <c r="AG54" s="192">
        <v>6.1754536832063965E-2</v>
      </c>
      <c r="AH54" s="92">
        <v>4.7120777786484325E-2</v>
      </c>
      <c r="AI54" s="190">
        <v>122</v>
      </c>
      <c r="AJ54" s="173">
        <v>5.2897824208900994</v>
      </c>
      <c r="AK54" s="125">
        <v>0.32632279968293254</v>
      </c>
      <c r="AL54" s="192">
        <v>0.14873580585965512</v>
      </c>
      <c r="AM54" s="92">
        <v>6.53010564883586E-2</v>
      </c>
      <c r="AN54" s="192">
        <v>0.10802366571218151</v>
      </c>
      <c r="AO54" s="92">
        <v>5.7996982491966879E-2</v>
      </c>
      <c r="AP54" s="192">
        <v>0.63974332298352532</v>
      </c>
      <c r="AQ54" s="92">
        <v>8.5763056470969851E-2</v>
      </c>
      <c r="AR54" s="192">
        <v>0.10349720544463847</v>
      </c>
      <c r="AS54" s="92">
        <v>5.7073876485478903E-2</v>
      </c>
      <c r="AT54" s="190">
        <v>103</v>
      </c>
      <c r="AU54" s="173">
        <v>3.8419114428506353</v>
      </c>
      <c r="AV54" s="125">
        <v>0.45510904243524886</v>
      </c>
      <c r="AW54" s="192">
        <v>0.36744481723024253</v>
      </c>
      <c r="AX54" s="92">
        <v>9.3472626524756269E-2</v>
      </c>
      <c r="AY54" s="192">
        <v>8.4177301066227908E-2</v>
      </c>
      <c r="AZ54" s="92">
        <v>5.7932472015263581E-2</v>
      </c>
      <c r="BA54" s="192">
        <v>0.32449174307583578</v>
      </c>
      <c r="BB54" s="92">
        <v>9.0987694230627775E-2</v>
      </c>
      <c r="BC54" s="192">
        <v>0.22388613862769419</v>
      </c>
      <c r="BD54" s="92">
        <v>8.1883138430540903E-2</v>
      </c>
    </row>
    <row r="61" spans="1:56" ht="18.75">
      <c r="A61" s="335" t="s">
        <v>412</v>
      </c>
      <c r="B61" s="335"/>
      <c r="C61" s="335"/>
      <c r="D61" s="335"/>
    </row>
    <row r="62" spans="1:56" ht="101.25" customHeight="1">
      <c r="A62" s="389" t="s">
        <v>414</v>
      </c>
      <c r="B62" s="389"/>
      <c r="C62" s="389"/>
      <c r="D62" s="389"/>
    </row>
    <row r="63" spans="1:56" ht="52.5" customHeight="1">
      <c r="A63" s="410" t="s">
        <v>413</v>
      </c>
      <c r="B63" s="337"/>
      <c r="C63" s="337"/>
      <c r="D63" s="337"/>
    </row>
    <row r="64" spans="1:56" ht="72">
      <c r="A64" s="32" t="s">
        <v>71</v>
      </c>
      <c r="B64" s="33" t="s">
        <v>72</v>
      </c>
      <c r="C64" s="34" t="s">
        <v>584</v>
      </c>
      <c r="D64" s="35" t="s">
        <v>73</v>
      </c>
    </row>
    <row r="65" spans="1:4" ht="72">
      <c r="A65" s="36"/>
      <c r="B65" s="37" t="s">
        <v>74</v>
      </c>
      <c r="C65" s="121" t="s">
        <v>304</v>
      </c>
      <c r="D65" s="39" t="s">
        <v>76</v>
      </c>
    </row>
    <row r="66" spans="1:4">
      <c r="A66" s="40" t="s">
        <v>350</v>
      </c>
      <c r="B66" s="159">
        <v>13378</v>
      </c>
      <c r="C66" s="160">
        <v>4.6058382743290247</v>
      </c>
      <c r="D66" s="81">
        <v>2.841324988712805E-2</v>
      </c>
    </row>
    <row r="67" spans="1:4">
      <c r="A67" s="44" t="s">
        <v>351</v>
      </c>
      <c r="B67" s="44">
        <v>9798</v>
      </c>
      <c r="C67" s="162">
        <v>3.8991512701747868</v>
      </c>
      <c r="D67" s="82">
        <v>3.1300090940843274E-2</v>
      </c>
    </row>
    <row r="68" spans="1:4">
      <c r="A68" s="40" t="s">
        <v>352</v>
      </c>
      <c r="B68" s="48">
        <v>3580</v>
      </c>
      <c r="C68" s="160">
        <v>5.1791687404784188</v>
      </c>
      <c r="D68" s="81">
        <v>4.3236509349918018E-2</v>
      </c>
    </row>
    <row r="69" spans="1:4">
      <c r="A69" s="44" t="s">
        <v>534</v>
      </c>
      <c r="B69" s="44">
        <v>1620</v>
      </c>
      <c r="C69" s="162">
        <v>4.6101011489705614</v>
      </c>
      <c r="D69" s="82">
        <v>8.1519476717801062E-2</v>
      </c>
    </row>
    <row r="70" spans="1:4">
      <c r="A70" s="40" t="s">
        <v>535</v>
      </c>
      <c r="B70" s="48">
        <v>882</v>
      </c>
      <c r="C70" s="160">
        <v>3.4279260186517919</v>
      </c>
      <c r="D70" s="81">
        <v>9.7373043025236528E-2</v>
      </c>
    </row>
    <row r="71" spans="1:4">
      <c r="A71" s="44" t="s">
        <v>536</v>
      </c>
      <c r="B71" s="44">
        <v>191</v>
      </c>
      <c r="C71" s="162">
        <v>3.5080482158434867</v>
      </c>
      <c r="D71" s="82">
        <v>0.20739474616724046</v>
      </c>
    </row>
    <row r="72" spans="1:4">
      <c r="A72" s="40" t="s">
        <v>537</v>
      </c>
      <c r="B72" s="48">
        <v>68</v>
      </c>
      <c r="C72" s="160">
        <v>2.9114509584898269</v>
      </c>
      <c r="D72" s="81">
        <v>0.29364803597797845</v>
      </c>
    </row>
    <row r="73" spans="1:4">
      <c r="A73" s="44" t="s">
        <v>546</v>
      </c>
      <c r="B73" s="44">
        <v>746</v>
      </c>
      <c r="C73" s="162">
        <v>5.1126133458812193</v>
      </c>
      <c r="D73" s="82">
        <v>9.5043806213879381E-2</v>
      </c>
    </row>
    <row r="74" spans="1:4">
      <c r="A74" s="40" t="s">
        <v>547</v>
      </c>
      <c r="B74" s="48">
        <v>120</v>
      </c>
      <c r="C74" s="160">
        <v>4.7671023953877825</v>
      </c>
      <c r="D74" s="81">
        <v>0.26895875537246094</v>
      </c>
    </row>
    <row r="75" spans="1:4">
      <c r="A75" s="44" t="s">
        <v>548</v>
      </c>
      <c r="B75" s="44">
        <v>96</v>
      </c>
      <c r="C75" s="162">
        <v>3.4132642797883848</v>
      </c>
      <c r="D75" s="82">
        <v>0.29555215124328255</v>
      </c>
    </row>
    <row r="76" spans="1:4">
      <c r="A76" s="40" t="s">
        <v>538</v>
      </c>
      <c r="B76" s="159">
        <v>117</v>
      </c>
      <c r="C76" s="160">
        <v>3.5759826534081425</v>
      </c>
      <c r="D76" s="81">
        <v>0.28555408722248332</v>
      </c>
    </row>
    <row r="77" spans="1:4">
      <c r="A77" s="44" t="s">
        <v>539</v>
      </c>
      <c r="B77" s="161">
        <v>88</v>
      </c>
      <c r="C77" s="162">
        <v>3.7329271164977462</v>
      </c>
      <c r="D77" s="82">
        <v>0.33399702616808313</v>
      </c>
    </row>
    <row r="78" spans="1:4">
      <c r="A78" s="40" t="s">
        <v>540</v>
      </c>
      <c r="B78" s="78">
        <v>246</v>
      </c>
      <c r="C78" s="160">
        <v>3.4628641951843901</v>
      </c>
      <c r="D78" s="81">
        <v>0.17157569172798345</v>
      </c>
    </row>
    <row r="79" spans="1:4" ht="25.5">
      <c r="A79" s="44" t="s">
        <v>541</v>
      </c>
      <c r="B79" s="161">
        <v>107</v>
      </c>
      <c r="C79" s="162">
        <v>3.420663633227123</v>
      </c>
      <c r="D79" s="82">
        <v>0.25426063642456703</v>
      </c>
    </row>
    <row r="80" spans="1:4" ht="25.5">
      <c r="A80" s="52" t="s">
        <v>549</v>
      </c>
      <c r="B80" s="159">
        <v>64</v>
      </c>
      <c r="C80" s="160">
        <v>3.1640172883475937</v>
      </c>
      <c r="D80" s="81">
        <v>0.26691982205570641</v>
      </c>
    </row>
    <row r="81" spans="1:25">
      <c r="A81" s="44" t="s">
        <v>543</v>
      </c>
      <c r="B81" s="161">
        <v>75</v>
      </c>
      <c r="C81" s="162">
        <v>3.7157948226738959</v>
      </c>
      <c r="D81" s="82">
        <v>0.33956350571640409</v>
      </c>
    </row>
    <row r="82" spans="1:25">
      <c r="A82" s="52" t="s">
        <v>544</v>
      </c>
      <c r="B82" s="159">
        <v>108</v>
      </c>
      <c r="C82" s="160">
        <v>3.6399314018456979</v>
      </c>
      <c r="D82" s="81">
        <v>0.28996196183297307</v>
      </c>
    </row>
    <row r="83" spans="1:25">
      <c r="A83" s="44" t="s">
        <v>545</v>
      </c>
      <c r="B83" s="161">
        <v>116</v>
      </c>
      <c r="C83" s="162">
        <v>2.8464880690697476</v>
      </c>
      <c r="D83" s="82">
        <v>0.26255925247617706</v>
      </c>
    </row>
    <row r="90" spans="1:25" ht="18.75">
      <c r="A90" s="416" t="s">
        <v>509</v>
      </c>
      <c r="B90" s="416"/>
      <c r="C90" s="416"/>
      <c r="D90" s="416"/>
      <c r="E90" s="416"/>
      <c r="F90" s="416"/>
      <c r="G90" s="416"/>
      <c r="H90" s="416"/>
      <c r="I90" s="416"/>
      <c r="J90" s="416"/>
      <c r="K90" s="416"/>
      <c r="L90" s="416"/>
      <c r="M90" s="416"/>
      <c r="N90" s="416"/>
      <c r="O90" s="416"/>
      <c r="P90" s="416"/>
      <c r="Q90" s="416"/>
      <c r="R90" s="416"/>
      <c r="S90" s="416"/>
      <c r="T90" s="416"/>
      <c r="U90" s="416"/>
      <c r="V90" s="416"/>
      <c r="W90" s="416"/>
      <c r="X90" s="309"/>
      <c r="Y90" s="309"/>
    </row>
    <row r="91" spans="1:25" ht="56.25" customHeight="1">
      <c r="A91" s="418" t="s">
        <v>588</v>
      </c>
      <c r="B91" s="418"/>
      <c r="C91" s="418"/>
      <c r="D91" s="418"/>
      <c r="E91" s="418"/>
      <c r="F91" s="418"/>
      <c r="G91" s="418"/>
      <c r="H91" s="418"/>
      <c r="I91" s="418"/>
      <c r="J91" s="418"/>
      <c r="K91" s="418"/>
      <c r="L91" s="418"/>
      <c r="M91" s="418"/>
      <c r="N91" s="418"/>
      <c r="O91" s="418"/>
      <c r="P91" s="418"/>
      <c r="Q91" s="418"/>
      <c r="R91" s="418"/>
      <c r="S91" s="418"/>
      <c r="T91" s="418"/>
      <c r="U91" s="418"/>
      <c r="V91" s="418"/>
      <c r="W91" s="418"/>
      <c r="X91" s="309"/>
      <c r="Y91" s="309"/>
    </row>
    <row r="92" spans="1:25" ht="36" customHeight="1">
      <c r="A92" s="59"/>
      <c r="B92" s="396" t="s">
        <v>415</v>
      </c>
      <c r="C92" s="397"/>
      <c r="D92" s="397"/>
      <c r="E92" s="397"/>
      <c r="F92" s="397"/>
      <c r="G92" s="397"/>
      <c r="H92" s="397"/>
      <c r="I92" s="397"/>
      <c r="J92" s="397"/>
      <c r="K92" s="397"/>
      <c r="L92" s="401"/>
      <c r="M92" s="396" t="s">
        <v>416</v>
      </c>
      <c r="N92" s="397"/>
      <c r="O92" s="397"/>
      <c r="P92" s="397"/>
      <c r="Q92" s="397"/>
      <c r="R92" s="397"/>
      <c r="S92" s="397"/>
      <c r="T92" s="397"/>
      <c r="U92" s="397"/>
      <c r="V92" s="397"/>
      <c r="W92" s="397"/>
    </row>
    <row r="93" spans="1:25" ht="41.25" customHeight="1">
      <c r="A93" s="32" t="s">
        <v>71</v>
      </c>
      <c r="B93" s="33" t="s">
        <v>72</v>
      </c>
      <c r="C93" s="34" t="s">
        <v>584</v>
      </c>
      <c r="D93" s="35" t="s">
        <v>73</v>
      </c>
      <c r="E93" s="33" t="s">
        <v>312</v>
      </c>
      <c r="F93" s="84" t="s">
        <v>143</v>
      </c>
      <c r="G93" s="33" t="s">
        <v>313</v>
      </c>
      <c r="H93" s="84" t="s">
        <v>144</v>
      </c>
      <c r="I93" s="33" t="s">
        <v>314</v>
      </c>
      <c r="J93" s="84" t="s">
        <v>117</v>
      </c>
      <c r="K93" s="33" t="s">
        <v>301</v>
      </c>
      <c r="L93" s="84" t="s">
        <v>315</v>
      </c>
      <c r="M93" s="60" t="s">
        <v>72</v>
      </c>
      <c r="N93" s="61" t="s">
        <v>584</v>
      </c>
      <c r="O93" s="62" t="s">
        <v>73</v>
      </c>
      <c r="P93" s="60" t="s">
        <v>312</v>
      </c>
      <c r="Q93" s="83" t="s">
        <v>143</v>
      </c>
      <c r="R93" s="60" t="s">
        <v>316</v>
      </c>
      <c r="S93" s="83" t="s">
        <v>317</v>
      </c>
      <c r="T93" s="60" t="s">
        <v>314</v>
      </c>
      <c r="U93" s="83" t="s">
        <v>117</v>
      </c>
      <c r="V93" s="60" t="s">
        <v>301</v>
      </c>
      <c r="W93" s="83" t="s">
        <v>315</v>
      </c>
    </row>
    <row r="94" spans="1:25" ht="72">
      <c r="A94" s="36"/>
      <c r="B94" s="37" t="s">
        <v>74</v>
      </c>
      <c r="C94" s="121" t="s">
        <v>304</v>
      </c>
      <c r="D94" s="39" t="s">
        <v>76</v>
      </c>
      <c r="E94" s="37" t="s">
        <v>159</v>
      </c>
      <c r="F94" s="86" t="s">
        <v>88</v>
      </c>
      <c r="G94" s="37" t="s">
        <v>160</v>
      </c>
      <c r="H94" s="86" t="s">
        <v>88</v>
      </c>
      <c r="I94" s="37" t="s">
        <v>161</v>
      </c>
      <c r="J94" s="86" t="s">
        <v>88</v>
      </c>
      <c r="K94" s="37" t="s">
        <v>301</v>
      </c>
      <c r="L94" s="86" t="s">
        <v>88</v>
      </c>
      <c r="M94" s="63" t="s">
        <v>74</v>
      </c>
      <c r="N94" s="252" t="s">
        <v>304</v>
      </c>
      <c r="O94" s="65" t="s">
        <v>76</v>
      </c>
      <c r="P94" s="63" t="s">
        <v>159</v>
      </c>
      <c r="Q94" s="85" t="s">
        <v>88</v>
      </c>
      <c r="R94" s="63" t="s">
        <v>160</v>
      </c>
      <c r="S94" s="85" t="s">
        <v>88</v>
      </c>
      <c r="T94" s="63" t="s">
        <v>161</v>
      </c>
      <c r="U94" s="85" t="s">
        <v>88</v>
      </c>
      <c r="V94" s="63" t="s">
        <v>301</v>
      </c>
      <c r="W94" s="85" t="s">
        <v>88</v>
      </c>
    </row>
    <row r="95" spans="1:25">
      <c r="A95" s="40" t="s">
        <v>350</v>
      </c>
      <c r="B95" s="310">
        <v>13765</v>
      </c>
      <c r="C95" s="311">
        <v>4.6218854932024618</v>
      </c>
      <c r="D95" s="312">
        <v>2.9541683813995363E-2</v>
      </c>
      <c r="E95" s="313">
        <v>0.23907028799581004</v>
      </c>
      <c r="F95" s="314">
        <v>7.2704463901309612E-3</v>
      </c>
      <c r="G95" s="313">
        <v>0.17044209525032281</v>
      </c>
      <c r="H95" s="314">
        <v>6.4104343685206268E-3</v>
      </c>
      <c r="I95" s="313">
        <v>0.5804295452051893</v>
      </c>
      <c r="J95" s="314">
        <v>8.4112269517187949E-3</v>
      </c>
      <c r="K95" s="313">
        <v>1.0058071548694003E-2</v>
      </c>
      <c r="L95" s="312">
        <v>1.7126203741847147E-3</v>
      </c>
      <c r="M95" s="310">
        <v>13843</v>
      </c>
      <c r="N95" s="311">
        <v>4.5967103240332383</v>
      </c>
      <c r="O95" s="313">
        <v>3.5405588152114864E-2</v>
      </c>
      <c r="P95" s="313">
        <v>0.28846712963972082</v>
      </c>
      <c r="Q95" s="314">
        <v>7.7006102684024046E-3</v>
      </c>
      <c r="R95" s="313">
        <v>0.12828613840063616</v>
      </c>
      <c r="S95" s="314">
        <v>5.6856997465847305E-3</v>
      </c>
      <c r="T95" s="313">
        <v>0.56647253136033926</v>
      </c>
      <c r="U95" s="314">
        <v>8.4227157461731327E-3</v>
      </c>
      <c r="V95" s="313">
        <v>1.6774200599319375E-2</v>
      </c>
      <c r="W95" s="314">
        <v>2.191636005694597E-3</v>
      </c>
    </row>
    <row r="96" spans="1:25">
      <c r="A96" s="44" t="s">
        <v>351</v>
      </c>
      <c r="B96" s="44">
        <v>10100</v>
      </c>
      <c r="C96" s="173">
        <v>4.1695425903581356</v>
      </c>
      <c r="D96" s="125">
        <v>3.4448295583078915E-2</v>
      </c>
      <c r="E96" s="192">
        <v>0.34152122855695283</v>
      </c>
      <c r="F96" s="92">
        <v>9.4358768663867273E-3</v>
      </c>
      <c r="G96" s="192">
        <v>0.17469114921658968</v>
      </c>
      <c r="H96" s="92">
        <v>7.5570651502053941E-3</v>
      </c>
      <c r="I96" s="192">
        <v>0.47687708375163623</v>
      </c>
      <c r="J96" s="92">
        <v>9.9377666432826899E-3</v>
      </c>
      <c r="K96" s="192">
        <v>6.9105384748209594E-3</v>
      </c>
      <c r="L96" s="125">
        <v>1.6712430268018129E-3</v>
      </c>
      <c r="M96" s="44">
        <v>10165</v>
      </c>
      <c r="N96" s="173">
        <v>3.639621827302848</v>
      </c>
      <c r="O96" s="192">
        <v>3.8735524108903331E-2</v>
      </c>
      <c r="P96" s="192">
        <v>0.48496814217650475</v>
      </c>
      <c r="Q96" s="92">
        <v>9.9120772612238204E-3</v>
      </c>
      <c r="R96" s="192">
        <v>0.13199811931886693</v>
      </c>
      <c r="S96" s="92">
        <v>6.7164047884303987E-3</v>
      </c>
      <c r="T96" s="192">
        <v>0.36314130167084047</v>
      </c>
      <c r="U96" s="92">
        <v>9.5381482792795368E-3</v>
      </c>
      <c r="V96" s="192">
        <v>1.9892436833781689E-2</v>
      </c>
      <c r="W96" s="92">
        <v>2.7821573111958746E-3</v>
      </c>
    </row>
    <row r="97" spans="1:23">
      <c r="A97" s="40" t="s">
        <v>352</v>
      </c>
      <c r="B97" s="315">
        <v>3665</v>
      </c>
      <c r="C97" s="311">
        <v>4.9927410243324486</v>
      </c>
      <c r="D97" s="312">
        <v>4.8905180471125187E-2</v>
      </c>
      <c r="E97" s="313">
        <v>0.15555860522907791</v>
      </c>
      <c r="F97" s="314">
        <v>1.1978843463844795E-2</v>
      </c>
      <c r="G97" s="313">
        <v>0.16697852873793584</v>
      </c>
      <c r="H97" s="314">
        <v>1.2325130483906727E-2</v>
      </c>
      <c r="I97" s="313">
        <v>0.66483911980992394</v>
      </c>
      <c r="J97" s="314">
        <v>1.558830091558025E-2</v>
      </c>
      <c r="K97" s="313">
        <v>1.2623746223063092E-2</v>
      </c>
      <c r="L97" s="312">
        <v>3.7620756571589628E-3</v>
      </c>
      <c r="M97" s="315">
        <v>3678</v>
      </c>
      <c r="N97" s="311">
        <v>5.3734788863316103</v>
      </c>
      <c r="O97" s="313">
        <v>5.1390986973733115E-2</v>
      </c>
      <c r="P97" s="313">
        <v>0.12806626381766983</v>
      </c>
      <c r="Q97" s="314">
        <v>1.1028859327793969E-2</v>
      </c>
      <c r="R97" s="313">
        <v>0.12525610336156179</v>
      </c>
      <c r="S97" s="314">
        <v>1.0925254393580393E-2</v>
      </c>
      <c r="T97" s="313">
        <v>0.73244880227012543</v>
      </c>
      <c r="U97" s="314">
        <v>1.4595203895135739E-2</v>
      </c>
      <c r="V97" s="313">
        <v>1.4228830550643858E-2</v>
      </c>
      <c r="W97" s="314">
        <v>3.9742243860208465E-3</v>
      </c>
    </row>
    <row r="98" spans="1:23">
      <c r="A98" s="44" t="s">
        <v>534</v>
      </c>
      <c r="B98" s="44">
        <v>1685</v>
      </c>
      <c r="C98" s="173">
        <v>4.5045187755649971</v>
      </c>
      <c r="D98" s="125">
        <v>8.1307723898322762E-2</v>
      </c>
      <c r="E98" s="192">
        <v>0.26411815159879298</v>
      </c>
      <c r="F98" s="92">
        <v>2.1469020640150049E-2</v>
      </c>
      <c r="G98" s="192">
        <v>0.17623179234911227</v>
      </c>
      <c r="H98" s="92">
        <v>1.8573781672079733E-2</v>
      </c>
      <c r="I98" s="192">
        <v>0.54586844793511524</v>
      </c>
      <c r="J98" s="92">
        <v>2.423029624706384E-2</v>
      </c>
      <c r="K98" s="192">
        <v>1.3781608116979236E-2</v>
      </c>
      <c r="L98" s="125">
        <v>5.9023240937178282E-3</v>
      </c>
      <c r="M98" s="44">
        <v>1689</v>
      </c>
      <c r="N98" s="173">
        <v>4.7220569992225574</v>
      </c>
      <c r="O98" s="192">
        <v>0.10693750489330162</v>
      </c>
      <c r="P98" s="192">
        <v>0.26341347693419864</v>
      </c>
      <c r="Q98" s="92">
        <v>2.1425346535960264E-2</v>
      </c>
      <c r="R98" s="192">
        <v>0.11942158427090138</v>
      </c>
      <c r="S98" s="92">
        <v>1.5813717629126645E-2</v>
      </c>
      <c r="T98" s="192">
        <v>0.58870646743611288</v>
      </c>
      <c r="U98" s="92">
        <v>2.3919944332914934E-2</v>
      </c>
      <c r="V98" s="192">
        <v>2.8458471358786652E-2</v>
      </c>
      <c r="W98" s="92">
        <v>8.2343167797948383E-3</v>
      </c>
    </row>
    <row r="99" spans="1:23">
      <c r="A99" s="40" t="s">
        <v>535</v>
      </c>
      <c r="B99" s="315">
        <v>919</v>
      </c>
      <c r="C99" s="311">
        <v>3.9396043057172463</v>
      </c>
      <c r="D99" s="312">
        <v>0.10918513421004687</v>
      </c>
      <c r="E99" s="313">
        <v>0.40226088133012305</v>
      </c>
      <c r="F99" s="314">
        <v>3.228594374808718E-2</v>
      </c>
      <c r="G99" s="313">
        <v>0.17980915093953176</v>
      </c>
      <c r="H99" s="314">
        <v>2.5356781918881431E-2</v>
      </c>
      <c r="I99" s="313">
        <v>0.41004399117507184</v>
      </c>
      <c r="J99" s="314">
        <v>3.2382993927512482E-2</v>
      </c>
      <c r="K99" s="313">
        <v>7.8859765552728948E-3</v>
      </c>
      <c r="L99" s="312">
        <v>6.5561249105352505E-3</v>
      </c>
      <c r="M99" s="315">
        <v>923</v>
      </c>
      <c r="N99" s="311">
        <v>2.9359669399939947</v>
      </c>
      <c r="O99" s="313">
        <v>0.12294658834458182</v>
      </c>
      <c r="P99" s="313">
        <v>0.62715805966990656</v>
      </c>
      <c r="Q99" s="314">
        <v>3.1773881968396769E-2</v>
      </c>
      <c r="R99" s="313">
        <v>0.12622245121253176</v>
      </c>
      <c r="S99" s="314">
        <v>2.1933845378918498E-2</v>
      </c>
      <c r="T99" s="313">
        <v>0.21213553243579208</v>
      </c>
      <c r="U99" s="314">
        <v>2.6912109751802558E-2</v>
      </c>
      <c r="V99" s="313">
        <v>3.4483956681768589E-2</v>
      </c>
      <c r="W99" s="314">
        <v>1.2317437839205995E-2</v>
      </c>
    </row>
    <row r="100" spans="1:23">
      <c r="A100" s="44" t="s">
        <v>536</v>
      </c>
      <c r="B100" s="44">
        <v>196</v>
      </c>
      <c r="C100" s="173">
        <v>4.1302404801551909</v>
      </c>
      <c r="D100" s="125">
        <v>0.22559778140389358</v>
      </c>
      <c r="E100" s="192">
        <v>0.35481333729142761</v>
      </c>
      <c r="F100" s="92">
        <v>6.7787250716616912E-2</v>
      </c>
      <c r="G100" s="192">
        <v>0.19241907833976277</v>
      </c>
      <c r="H100" s="92">
        <v>5.6416376196289975E-2</v>
      </c>
      <c r="I100" s="192">
        <v>0.45276758436880904</v>
      </c>
      <c r="J100" s="92">
        <v>7.0407022745840084E-2</v>
      </c>
      <c r="K100" s="192">
        <v>0</v>
      </c>
      <c r="L100" s="125">
        <v>1.4071247279470289E-2</v>
      </c>
      <c r="M100" s="44">
        <v>198</v>
      </c>
      <c r="N100" s="173">
        <v>2.94355724288878</v>
      </c>
      <c r="O100" s="192">
        <v>0.26817342048326592</v>
      </c>
      <c r="P100" s="192">
        <v>0.6158302178414452</v>
      </c>
      <c r="Q100" s="92">
        <v>6.8521797034668319E-2</v>
      </c>
      <c r="R100" s="192">
        <v>0.13635932629571029</v>
      </c>
      <c r="S100" s="92">
        <v>4.9342332215485306E-2</v>
      </c>
      <c r="T100" s="192">
        <v>0.21171453900824652</v>
      </c>
      <c r="U100" s="92">
        <v>5.8045787768973227E-2</v>
      </c>
      <c r="V100" s="192">
        <v>3.6095916854597676E-2</v>
      </c>
      <c r="W100" s="92">
        <v>2.9258717733746692E-2</v>
      </c>
    </row>
    <row r="101" spans="1:23">
      <c r="A101" s="40" t="s">
        <v>537</v>
      </c>
      <c r="B101" s="315">
        <v>71</v>
      </c>
      <c r="C101" s="311">
        <v>3.6719928061187539</v>
      </c>
      <c r="D101" s="312">
        <v>0.37547721404396422</v>
      </c>
      <c r="E101" s="313">
        <v>0.47852001013423812</v>
      </c>
      <c r="F101" s="314">
        <v>0.11537452348863528</v>
      </c>
      <c r="G101" s="313">
        <v>0.15841841422556199</v>
      </c>
      <c r="H101" s="314">
        <v>8.8071421744201878E-2</v>
      </c>
      <c r="I101" s="313">
        <v>0.36306157564020003</v>
      </c>
      <c r="J101" s="314">
        <v>0.11152153895551409</v>
      </c>
      <c r="K101" s="313">
        <v>0</v>
      </c>
      <c r="L101" s="312">
        <v>3.7206132509255738E-2</v>
      </c>
      <c r="M101" s="315">
        <v>73</v>
      </c>
      <c r="N101" s="311">
        <v>2.2543014550156033</v>
      </c>
      <c r="O101" s="313">
        <v>0.34607831902410574</v>
      </c>
      <c r="P101" s="313">
        <v>0.75196516272242575</v>
      </c>
      <c r="Q101" s="314">
        <v>0.10011376031983732</v>
      </c>
      <c r="R101" s="313">
        <v>0.14018011778471817</v>
      </c>
      <c r="S101" s="314">
        <v>8.3318113076920497E-2</v>
      </c>
      <c r="T101" s="313">
        <v>5.027503132217892E-2</v>
      </c>
      <c r="U101" s="314">
        <v>5.952840879631726E-2</v>
      </c>
      <c r="V101" s="313">
        <v>5.7579688170677018E-2</v>
      </c>
      <c r="W101" s="314">
        <v>6.2031510716882912E-2</v>
      </c>
    </row>
    <row r="102" spans="1:23">
      <c r="A102" s="44" t="s">
        <v>546</v>
      </c>
      <c r="B102" s="44">
        <v>774</v>
      </c>
      <c r="C102" s="173">
        <v>4.7466312691319521</v>
      </c>
      <c r="D102" s="125">
        <v>0.11285183119172006</v>
      </c>
      <c r="E102" s="192">
        <v>0.20580905871859057</v>
      </c>
      <c r="F102" s="92">
        <v>2.9067721581163598E-2</v>
      </c>
      <c r="G102" s="192">
        <v>0.17371606338143045</v>
      </c>
      <c r="H102" s="92">
        <v>2.7269076745772784E-2</v>
      </c>
      <c r="I102" s="192">
        <v>0.6042502521906441</v>
      </c>
      <c r="J102" s="92">
        <v>3.5071968023206425E-2</v>
      </c>
      <c r="K102" s="192">
        <v>1.6224625709335753E-2</v>
      </c>
      <c r="L102" s="125">
        <v>9.7162221956509625E-3</v>
      </c>
      <c r="M102" s="44">
        <v>774</v>
      </c>
      <c r="N102" s="173">
        <v>5.4826927090169466</v>
      </c>
      <c r="O102" s="192">
        <v>0.10808253804267774</v>
      </c>
      <c r="P102" s="192">
        <v>0.10786857333817912</v>
      </c>
      <c r="Q102" s="92">
        <v>2.2424971369547846E-2</v>
      </c>
      <c r="R102" s="192">
        <v>0.11586841297323856</v>
      </c>
      <c r="S102" s="92">
        <v>2.3118819024580083E-2</v>
      </c>
      <c r="T102" s="192">
        <v>0.75056824923935894</v>
      </c>
      <c r="U102" s="92">
        <v>3.1078265185443942E-2</v>
      </c>
      <c r="V102" s="192">
        <v>2.5694764449223886E-2</v>
      </c>
      <c r="W102" s="92">
        <v>1.185643909665305E-2</v>
      </c>
    </row>
    <row r="103" spans="1:23">
      <c r="A103" s="40" t="s">
        <v>547</v>
      </c>
      <c r="B103" s="315">
        <v>126</v>
      </c>
      <c r="C103" s="311">
        <v>4.5019466801845764</v>
      </c>
      <c r="D103" s="312">
        <v>0.29872954383759293</v>
      </c>
      <c r="E103" s="313">
        <v>0.27524194149775172</v>
      </c>
      <c r="F103" s="314">
        <v>7.8943928974674157E-2</v>
      </c>
      <c r="G103" s="313">
        <v>0.13005120861165095</v>
      </c>
      <c r="H103" s="314">
        <v>6.1125495559743587E-2</v>
      </c>
      <c r="I103" s="313">
        <v>0.57224864231809047</v>
      </c>
      <c r="J103" s="314">
        <v>8.6841396427934606E-2</v>
      </c>
      <c r="K103" s="313">
        <v>2.2458207572507539E-2</v>
      </c>
      <c r="L103" s="312">
        <v>3.317624027213649E-2</v>
      </c>
      <c r="M103" s="315">
        <v>127</v>
      </c>
      <c r="N103" s="311">
        <v>5.0337963444112201</v>
      </c>
      <c r="O103" s="313">
        <v>0.32381446179644252</v>
      </c>
      <c r="P103" s="313">
        <v>0.23311652496256666</v>
      </c>
      <c r="Q103" s="314">
        <v>7.4763041505208627E-2</v>
      </c>
      <c r="R103" s="313">
        <v>0.11090377484368778</v>
      </c>
      <c r="S103" s="314">
        <v>5.7348146273679353E-2</v>
      </c>
      <c r="T103" s="313">
        <v>0.61663336455570716</v>
      </c>
      <c r="U103" s="314">
        <v>8.5106976000458592E-2</v>
      </c>
      <c r="V103" s="313">
        <v>3.9346335638038937E-2</v>
      </c>
      <c r="W103" s="314">
        <v>3.9291140481876465E-2</v>
      </c>
    </row>
    <row r="104" spans="1:23">
      <c r="A104" s="44" t="s">
        <v>548</v>
      </c>
      <c r="B104" s="44">
        <v>98</v>
      </c>
      <c r="C104" s="173">
        <v>3.4867929931126396</v>
      </c>
      <c r="D104" s="125">
        <v>0.31085144038570561</v>
      </c>
      <c r="E104" s="192">
        <v>0.52710281632155642</v>
      </c>
      <c r="F104" s="92">
        <v>9.8880383360074528E-2</v>
      </c>
      <c r="G104" s="192">
        <v>0.16523675104725988</v>
      </c>
      <c r="H104" s="92">
        <v>7.5809551802583475E-2</v>
      </c>
      <c r="I104" s="192">
        <v>0.28687872627546385</v>
      </c>
      <c r="J104" s="92">
        <v>9.0330955250641359E-2</v>
      </c>
      <c r="K104" s="192">
        <v>2.078170635571935E-2</v>
      </c>
      <c r="L104" s="125">
        <v>3.8607341161770926E-2</v>
      </c>
      <c r="M104" s="44">
        <v>99</v>
      </c>
      <c r="N104" s="173">
        <v>3.3100897710407682</v>
      </c>
      <c r="O104" s="192">
        <v>0.38513417276395195</v>
      </c>
      <c r="P104" s="192">
        <v>0.57439328140631885</v>
      </c>
      <c r="Q104" s="92">
        <v>9.7520154002757681E-2</v>
      </c>
      <c r="R104" s="192">
        <v>0.14933165893396799</v>
      </c>
      <c r="S104" s="92">
        <v>7.2780343638856368E-2</v>
      </c>
      <c r="T104" s="192">
        <v>0.25507018099459933</v>
      </c>
      <c r="U104" s="92">
        <v>8.6927795960290558E-2</v>
      </c>
      <c r="V104" s="192">
        <v>2.1204878665113065E-2</v>
      </c>
      <c r="W104" s="92">
        <v>3.8523685508186301E-2</v>
      </c>
    </row>
    <row r="105" spans="1:23">
      <c r="A105" s="40" t="s">
        <v>538</v>
      </c>
      <c r="B105" s="310">
        <v>124</v>
      </c>
      <c r="C105" s="311">
        <v>4.1071914630270756</v>
      </c>
      <c r="D105" s="312">
        <v>0.30375253440954175</v>
      </c>
      <c r="E105" s="313">
        <v>0.39802959750277184</v>
      </c>
      <c r="F105" s="314">
        <v>8.6646147389904143E-2</v>
      </c>
      <c r="G105" s="313">
        <v>8.9170714512270988E-2</v>
      </c>
      <c r="H105" s="314">
        <v>5.3503290536927449E-2</v>
      </c>
      <c r="I105" s="313">
        <v>0.50319528760133514</v>
      </c>
      <c r="J105" s="314">
        <v>8.8386653807822568E-2</v>
      </c>
      <c r="K105" s="313">
        <v>9.6044003836227854E-3</v>
      </c>
      <c r="L105" s="312">
        <v>2.7561178950377557E-2</v>
      </c>
      <c r="M105" s="310">
        <v>124</v>
      </c>
      <c r="N105" s="311">
        <v>3.0027772485064603</v>
      </c>
      <c r="O105" s="313">
        <v>0.34661935438489777</v>
      </c>
      <c r="P105" s="313">
        <v>0.64744476671728668</v>
      </c>
      <c r="Q105" s="314">
        <v>8.4704921232248737E-2</v>
      </c>
      <c r="R105" s="313">
        <v>8.8008214002913754E-2</v>
      </c>
      <c r="S105" s="314">
        <v>5.3240488070240503E-2</v>
      </c>
      <c r="T105" s="313">
        <v>0.21212381047848333</v>
      </c>
      <c r="U105" s="314">
        <v>7.3362522984285763E-2</v>
      </c>
      <c r="V105" s="313">
        <v>5.2423208801316887E-2</v>
      </c>
      <c r="W105" s="314">
        <v>4.401693481431164E-2</v>
      </c>
    </row>
    <row r="106" spans="1:23">
      <c r="A106" s="44" t="s">
        <v>539</v>
      </c>
      <c r="B106" s="190">
        <v>95</v>
      </c>
      <c r="C106" s="173">
        <v>4.1671448515624885</v>
      </c>
      <c r="D106" s="125">
        <v>0.34719248106067296</v>
      </c>
      <c r="E106" s="192">
        <v>0.37032540561484678</v>
      </c>
      <c r="F106" s="92">
        <v>9.7341609613142435E-2</v>
      </c>
      <c r="G106" s="192">
        <v>7.4941319993975436E-2</v>
      </c>
      <c r="H106" s="92">
        <v>5.8129135124402438E-2</v>
      </c>
      <c r="I106" s="192">
        <v>0.54331136172483951</v>
      </c>
      <c r="J106" s="92">
        <v>0.10015596915370834</v>
      </c>
      <c r="K106" s="192">
        <v>1.142191266633808E-2</v>
      </c>
      <c r="L106" s="125">
        <v>3.4926383584968308E-2</v>
      </c>
      <c r="M106" s="190">
        <v>95</v>
      </c>
      <c r="N106" s="173">
        <v>3.2374453796907003</v>
      </c>
      <c r="O106" s="192">
        <v>0.40725484708351828</v>
      </c>
      <c r="P106" s="192">
        <v>0.60345998998759143</v>
      </c>
      <c r="Q106" s="92">
        <v>9.8502632610222282E-2</v>
      </c>
      <c r="R106" s="192">
        <v>9.321382508296748E-2</v>
      </c>
      <c r="S106" s="92">
        <v>6.2805323309879632E-2</v>
      </c>
      <c r="T106" s="192">
        <v>0.24103359213352887</v>
      </c>
      <c r="U106" s="92">
        <v>8.7211851668044044E-2</v>
      </c>
      <c r="V106" s="192">
        <v>6.229259279591174E-2</v>
      </c>
      <c r="W106" s="92">
        <v>5.4525057376161271E-2</v>
      </c>
    </row>
    <row r="107" spans="1:23">
      <c r="A107" s="40" t="s">
        <v>540</v>
      </c>
      <c r="B107" s="316">
        <v>260</v>
      </c>
      <c r="C107" s="311">
        <v>4.3126374709259556</v>
      </c>
      <c r="D107" s="312">
        <v>0.19810253867354261</v>
      </c>
      <c r="E107" s="313">
        <v>0.27357399431312701</v>
      </c>
      <c r="F107" s="314">
        <v>5.5085758530285939E-2</v>
      </c>
      <c r="G107" s="313">
        <v>0.2130217594246239</v>
      </c>
      <c r="H107" s="314">
        <v>5.0769866214396421E-2</v>
      </c>
      <c r="I107" s="313">
        <v>0.50812880516653447</v>
      </c>
      <c r="J107" s="314">
        <v>6.1537856014019357E-2</v>
      </c>
      <c r="K107" s="313">
        <v>5.2754410957132737E-3</v>
      </c>
      <c r="L107" s="312">
        <v>1.3821460293164148E-2</v>
      </c>
      <c r="M107" s="316">
        <v>260</v>
      </c>
      <c r="N107" s="311">
        <v>2.5968262402538294</v>
      </c>
      <c r="O107" s="313">
        <v>0.21341221931043219</v>
      </c>
      <c r="P107" s="313">
        <v>0.70995901404780737</v>
      </c>
      <c r="Q107" s="314">
        <v>5.603609962694165E-2</v>
      </c>
      <c r="R107" s="313">
        <v>0.11433164920311734</v>
      </c>
      <c r="S107" s="314">
        <v>4.0025191352524574E-2</v>
      </c>
      <c r="T107" s="313">
        <v>0.1503768801861711</v>
      </c>
      <c r="U107" s="314">
        <v>4.4626351703596592E-2</v>
      </c>
      <c r="V107" s="313">
        <v>2.5332456562903064E-2</v>
      </c>
      <c r="W107" s="314">
        <v>2.1834970962241733E-2</v>
      </c>
    </row>
    <row r="108" spans="1:23" ht="25.5">
      <c r="A108" s="44" t="s">
        <v>541</v>
      </c>
      <c r="B108" s="190">
        <v>114</v>
      </c>
      <c r="C108" s="173">
        <v>4.2512594526529925</v>
      </c>
      <c r="D108" s="125">
        <v>0.28851534070656487</v>
      </c>
      <c r="E108" s="192">
        <v>0.27733554802762972</v>
      </c>
      <c r="F108" s="92">
        <v>8.3101916091663577E-2</v>
      </c>
      <c r="G108" s="192">
        <v>0.20375670089962722</v>
      </c>
      <c r="H108" s="92">
        <v>7.5484626296641502E-2</v>
      </c>
      <c r="I108" s="192">
        <v>0.51890775107274389</v>
      </c>
      <c r="J108" s="92">
        <v>9.199600647915579E-2</v>
      </c>
      <c r="K108" s="192">
        <v>0</v>
      </c>
      <c r="L108" s="125">
        <v>2.3765720057393202E-2</v>
      </c>
      <c r="M108" s="190">
        <v>113</v>
      </c>
      <c r="N108" s="173">
        <v>2.5920526606025205</v>
      </c>
      <c r="O108" s="192">
        <v>0.31136120555604657</v>
      </c>
      <c r="P108" s="192">
        <v>0.73298614930740702</v>
      </c>
      <c r="Q108" s="92">
        <v>8.2558580015701225E-2</v>
      </c>
      <c r="R108" s="192">
        <v>0.10915301998953691</v>
      </c>
      <c r="S108" s="92">
        <v>6.0625037490430869E-2</v>
      </c>
      <c r="T108" s="192">
        <v>0.13167781128292386</v>
      </c>
      <c r="U108" s="92">
        <v>6.4967101040793271E-2</v>
      </c>
      <c r="V108" s="192">
        <v>2.6183019420133076E-2</v>
      </c>
      <c r="W108" s="92">
        <v>3.7249753468758418E-2</v>
      </c>
    </row>
    <row r="109" spans="1:23" ht="25.5">
      <c r="A109" s="52" t="s">
        <v>549</v>
      </c>
      <c r="B109" s="310">
        <v>66</v>
      </c>
      <c r="C109" s="311">
        <v>4.3026170794152252</v>
      </c>
      <c r="D109" s="312">
        <v>0.40257660636852299</v>
      </c>
      <c r="E109" s="313">
        <v>0.28204364058841247</v>
      </c>
      <c r="F109" s="314">
        <v>0.10896108009292843</v>
      </c>
      <c r="G109" s="313">
        <v>0.16159479797762885</v>
      </c>
      <c r="H109" s="314">
        <v>9.2023525970817796E-2</v>
      </c>
      <c r="I109" s="313">
        <v>0.55636156143395921</v>
      </c>
      <c r="J109" s="314">
        <v>0.11884588932472349</v>
      </c>
      <c r="K109" s="313">
        <v>0</v>
      </c>
      <c r="L109" s="312">
        <v>3.9824688710695409E-2</v>
      </c>
      <c r="M109" s="310">
        <v>67</v>
      </c>
      <c r="N109" s="311">
        <v>2.0080633394879448</v>
      </c>
      <c r="O109" s="313">
        <v>0.29799589594750125</v>
      </c>
      <c r="P109" s="313">
        <v>0.84471693758788591</v>
      </c>
      <c r="Q109" s="314">
        <v>9.0127402766041087E-2</v>
      </c>
      <c r="R109" s="313">
        <v>6.7919599202244496E-2</v>
      </c>
      <c r="S109" s="314">
        <v>6.8689893625101708E-2</v>
      </c>
      <c r="T109" s="313">
        <v>6.9975777124278091E-2</v>
      </c>
      <c r="U109" s="314">
        <v>6.9334211642643542E-2</v>
      </c>
      <c r="V109" s="313">
        <v>1.7387686085591453E-2</v>
      </c>
      <c r="W109" s="314">
        <v>4.8984040682192684E-2</v>
      </c>
    </row>
    <row r="110" spans="1:23">
      <c r="A110" s="44" t="s">
        <v>543</v>
      </c>
      <c r="B110" s="190">
        <v>80</v>
      </c>
      <c r="C110" s="173">
        <v>4.4050634890692137</v>
      </c>
      <c r="D110" s="125">
        <v>0.3650438794497477</v>
      </c>
      <c r="E110" s="192">
        <v>0.26292053193691489</v>
      </c>
      <c r="F110" s="92">
        <v>9.7350346597398441E-2</v>
      </c>
      <c r="G110" s="192">
        <v>0.25902609014978983</v>
      </c>
      <c r="H110" s="92">
        <v>9.6936460915217154E-2</v>
      </c>
      <c r="I110" s="192">
        <v>0.46210635315412679</v>
      </c>
      <c r="J110" s="92">
        <v>0.1088243605754118</v>
      </c>
      <c r="K110" s="192">
        <v>1.5947024759167854E-2</v>
      </c>
      <c r="L110" s="125">
        <v>4.2244406475134458E-2</v>
      </c>
      <c r="M110" s="190">
        <v>80</v>
      </c>
      <c r="N110" s="173">
        <v>2.9842577349930792</v>
      </c>
      <c r="O110" s="192">
        <v>0.43927774958312737</v>
      </c>
      <c r="P110" s="192">
        <v>0.59248975007230864</v>
      </c>
      <c r="Q110" s="92">
        <v>0.10740243609726412</v>
      </c>
      <c r="R110" s="192">
        <v>0.15104395554955563</v>
      </c>
      <c r="S110" s="92">
        <v>8.1518542818809006E-2</v>
      </c>
      <c r="T110" s="192">
        <v>0.22721335025846837</v>
      </c>
      <c r="U110" s="92">
        <v>9.3224158397956461E-2</v>
      </c>
      <c r="V110" s="192">
        <v>2.9252944119667047E-2</v>
      </c>
      <c r="W110" s="92">
        <v>4.8304459223855643E-2</v>
      </c>
    </row>
    <row r="111" spans="1:23">
      <c r="A111" s="52" t="s">
        <v>544</v>
      </c>
      <c r="B111" s="310">
        <v>112</v>
      </c>
      <c r="C111" s="311">
        <v>4.2043157024733508</v>
      </c>
      <c r="D111" s="312">
        <v>0.32153199930423187</v>
      </c>
      <c r="E111" s="313">
        <v>0.32893151219137479</v>
      </c>
      <c r="F111" s="314">
        <v>8.7635414759232616E-2</v>
      </c>
      <c r="G111" s="313">
        <v>0.22928990734403662</v>
      </c>
      <c r="H111" s="314">
        <v>7.9151311331616458E-2</v>
      </c>
      <c r="I111" s="313">
        <v>0.44177858046458857</v>
      </c>
      <c r="J111" s="314">
        <v>9.2259007680175406E-2</v>
      </c>
      <c r="K111" s="313">
        <v>0</v>
      </c>
      <c r="L111" s="312">
        <v>2.4171880321350918E-2</v>
      </c>
      <c r="M111" s="310">
        <v>112</v>
      </c>
      <c r="N111" s="311">
        <v>3.1399274485349933</v>
      </c>
      <c r="O111" s="313">
        <v>0.37994629887808179</v>
      </c>
      <c r="P111" s="313">
        <v>0.54477853320156377</v>
      </c>
      <c r="Q111" s="314">
        <v>9.2499912896895048E-2</v>
      </c>
      <c r="R111" s="313">
        <v>0.16847808084311486</v>
      </c>
      <c r="S111" s="314">
        <v>7.1327875630893101E-2</v>
      </c>
      <c r="T111" s="313">
        <v>0.25058765781672099</v>
      </c>
      <c r="U111" s="314">
        <v>8.1369659012793152E-2</v>
      </c>
      <c r="V111" s="313">
        <v>3.6155728138600407E-2</v>
      </c>
      <c r="W111" s="314">
        <v>4.1285673536749071E-2</v>
      </c>
    </row>
    <row r="112" spans="1:23">
      <c r="A112" s="44" t="s">
        <v>545</v>
      </c>
      <c r="B112" s="190">
        <v>121</v>
      </c>
      <c r="C112" s="173">
        <v>3.2171849240132806</v>
      </c>
      <c r="D112" s="125">
        <v>0.30508776193688936</v>
      </c>
      <c r="E112" s="192">
        <v>0.57065084114496001</v>
      </c>
      <c r="F112" s="92">
        <v>8.8602086829392454E-2</v>
      </c>
      <c r="G112" s="192">
        <v>0.17719902010553013</v>
      </c>
      <c r="H112" s="92">
        <v>6.9825303457801469E-2</v>
      </c>
      <c r="I112" s="192">
        <v>0.23272692774906775</v>
      </c>
      <c r="J112" s="92">
        <v>7.6537841894120384E-2</v>
      </c>
      <c r="K112" s="192">
        <v>1.9423211000442711E-2</v>
      </c>
      <c r="L112" s="125">
        <v>3.2785612520399181E-2</v>
      </c>
      <c r="M112" s="190">
        <v>122</v>
      </c>
      <c r="N112" s="173">
        <v>2.4912992056399421</v>
      </c>
      <c r="O112" s="192">
        <v>0.32425454782694757</v>
      </c>
      <c r="P112" s="192">
        <v>0.7030050111948164</v>
      </c>
      <c r="Q112" s="92">
        <v>8.1914397079180648E-2</v>
      </c>
      <c r="R112" s="192">
        <v>9.4832511497399782E-2</v>
      </c>
      <c r="S112" s="92">
        <v>5.5233060198271816E-2</v>
      </c>
      <c r="T112" s="192">
        <v>0.16324881365422164</v>
      </c>
      <c r="U112" s="92">
        <v>6.7538216777570909E-2</v>
      </c>
      <c r="V112" s="192">
        <v>3.8913663653562726E-2</v>
      </c>
      <c r="W112" s="92">
        <v>4.011237417526068E-2</v>
      </c>
    </row>
    <row r="119" spans="1:4" ht="18.75">
      <c r="A119" s="335" t="s">
        <v>418</v>
      </c>
      <c r="B119" s="335"/>
      <c r="C119" s="335"/>
      <c r="D119" s="335"/>
    </row>
    <row r="120" spans="1:4" ht="159.75" customHeight="1">
      <c r="A120" s="389" t="s">
        <v>596</v>
      </c>
      <c r="B120" s="389"/>
      <c r="C120" s="389"/>
      <c r="D120" s="389"/>
    </row>
    <row r="121" spans="1:4" ht="15.75">
      <c r="A121" s="410" t="s">
        <v>419</v>
      </c>
      <c r="B121" s="337"/>
      <c r="C121" s="337"/>
      <c r="D121" s="337"/>
    </row>
    <row r="122" spans="1:4" ht="72">
      <c r="A122" s="32" t="s">
        <v>71</v>
      </c>
      <c r="B122" s="33" t="s">
        <v>72</v>
      </c>
      <c r="C122" s="34" t="s">
        <v>584</v>
      </c>
      <c r="D122" s="35" t="s">
        <v>73</v>
      </c>
    </row>
    <row r="123" spans="1:4" ht="72">
      <c r="A123" s="36"/>
      <c r="B123" s="37" t="s">
        <v>74</v>
      </c>
      <c r="C123" s="121" t="s">
        <v>304</v>
      </c>
      <c r="D123" s="39" t="s">
        <v>76</v>
      </c>
    </row>
    <row r="124" spans="1:4">
      <c r="A124" s="40" t="s">
        <v>350</v>
      </c>
      <c r="B124" s="159">
        <v>12483</v>
      </c>
      <c r="C124" s="160">
        <v>5.0549627128288224</v>
      </c>
      <c r="D124" s="81">
        <v>2.3991524523542411E-2</v>
      </c>
    </row>
    <row r="125" spans="1:4">
      <c r="A125" s="44" t="s">
        <v>351</v>
      </c>
      <c r="B125" s="44">
        <v>8844</v>
      </c>
      <c r="C125" s="162">
        <v>4.8992552294447611</v>
      </c>
      <c r="D125" s="82">
        <v>2.9705474198317244E-2</v>
      </c>
    </row>
    <row r="126" spans="1:4">
      <c r="A126" s="40" t="s">
        <v>352</v>
      </c>
      <c r="B126" s="48">
        <v>3639</v>
      </c>
      <c r="C126" s="160">
        <v>5.1803805066753794</v>
      </c>
      <c r="D126" s="81">
        <v>3.8200202057961007E-2</v>
      </c>
    </row>
    <row r="127" spans="1:4">
      <c r="A127" s="44" t="s">
        <v>534</v>
      </c>
      <c r="B127" s="44">
        <v>1560</v>
      </c>
      <c r="C127" s="162">
        <v>5.0478115032533264</v>
      </c>
      <c r="D127" s="82">
        <v>6.5594058098433466E-2</v>
      </c>
    </row>
    <row r="128" spans="1:4">
      <c r="A128" s="40" t="s">
        <v>535</v>
      </c>
      <c r="B128" s="48">
        <v>804</v>
      </c>
      <c r="C128" s="160">
        <v>4.8342197994506746</v>
      </c>
      <c r="D128" s="81">
        <v>9.8827295403992294E-2</v>
      </c>
    </row>
    <row r="129" spans="1:4">
      <c r="A129" s="44" t="s">
        <v>536</v>
      </c>
      <c r="B129" s="44">
        <v>181</v>
      </c>
      <c r="C129" s="162">
        <v>5.0449873584864058</v>
      </c>
      <c r="D129" s="82">
        <v>0.1827795990038508</v>
      </c>
    </row>
    <row r="130" spans="1:4">
      <c r="A130" s="40" t="s">
        <v>537</v>
      </c>
      <c r="B130" s="48">
        <v>69</v>
      </c>
      <c r="C130" s="160">
        <v>4.6943696157110386</v>
      </c>
      <c r="D130" s="81">
        <v>0.30485295141377111</v>
      </c>
    </row>
    <row r="131" spans="1:4">
      <c r="A131" s="44" t="s">
        <v>546</v>
      </c>
      <c r="B131" s="44">
        <v>763</v>
      </c>
      <c r="C131" s="162">
        <v>5.1434288426700245</v>
      </c>
      <c r="D131" s="82">
        <v>8.2394162728678513E-2</v>
      </c>
    </row>
    <row r="132" spans="1:4">
      <c r="A132" s="40" t="s">
        <v>547</v>
      </c>
      <c r="B132" s="48">
        <v>124</v>
      </c>
      <c r="C132" s="160">
        <v>5.1266061736660156</v>
      </c>
      <c r="D132" s="81">
        <v>0.21077343579577584</v>
      </c>
    </row>
    <row r="133" spans="1:4">
      <c r="A133" s="44" t="s">
        <v>548</v>
      </c>
      <c r="B133" s="44">
        <v>86</v>
      </c>
      <c r="C133" s="162">
        <v>5.0549430010011784</v>
      </c>
      <c r="D133" s="82">
        <v>0.25014999109621616</v>
      </c>
    </row>
    <row r="134" spans="1:4">
      <c r="A134" s="40" t="s">
        <v>538</v>
      </c>
      <c r="B134" s="159">
        <v>108</v>
      </c>
      <c r="C134" s="160">
        <v>5.0392398437981853</v>
      </c>
      <c r="D134" s="81">
        <v>0.26427144013095533</v>
      </c>
    </row>
    <row r="135" spans="1:4">
      <c r="A135" s="44" t="s">
        <v>539</v>
      </c>
      <c r="B135" s="161">
        <v>86</v>
      </c>
      <c r="C135" s="162">
        <v>5.1399319125834753</v>
      </c>
      <c r="D135" s="82">
        <v>0.30144867317485718</v>
      </c>
    </row>
    <row r="136" spans="1:4">
      <c r="A136" s="40" t="s">
        <v>540</v>
      </c>
      <c r="B136" s="78">
        <v>209</v>
      </c>
      <c r="C136" s="160">
        <v>5.0316706449912783</v>
      </c>
      <c r="D136" s="81">
        <v>0.19600996863124445</v>
      </c>
    </row>
    <row r="137" spans="1:4" ht="25.5">
      <c r="A137" s="44" t="s">
        <v>541</v>
      </c>
      <c r="B137" s="161">
        <v>83</v>
      </c>
      <c r="C137" s="162">
        <v>5.174050934863148</v>
      </c>
      <c r="D137" s="82">
        <v>0.25362444796570155</v>
      </c>
    </row>
    <row r="138" spans="1:4" ht="25.5">
      <c r="A138" s="52" t="s">
        <v>549</v>
      </c>
      <c r="B138" s="159">
        <v>53</v>
      </c>
      <c r="C138" s="160">
        <v>4.4802167555768957</v>
      </c>
      <c r="D138" s="81">
        <v>0.44174076146039815</v>
      </c>
    </row>
    <row r="139" spans="1:4">
      <c r="A139" s="44" t="s">
        <v>543</v>
      </c>
      <c r="B139" s="161">
        <v>73</v>
      </c>
      <c r="C139" s="162">
        <v>5.1959898582331734</v>
      </c>
      <c r="D139" s="82">
        <v>0.31683066099090046</v>
      </c>
    </row>
    <row r="140" spans="1:4">
      <c r="A140" s="52" t="s">
        <v>544</v>
      </c>
      <c r="B140" s="159">
        <v>110</v>
      </c>
      <c r="C140" s="160">
        <v>4.3782442475042265</v>
      </c>
      <c r="D140" s="81">
        <v>0.29720336650656981</v>
      </c>
    </row>
    <row r="141" spans="1:4">
      <c r="A141" s="44" t="s">
        <v>545</v>
      </c>
      <c r="B141" s="161">
        <v>103</v>
      </c>
      <c r="C141" s="162">
        <v>4.3458229114868576</v>
      </c>
      <c r="D141" s="82">
        <v>0.28441832351006668</v>
      </c>
    </row>
    <row r="148" spans="1:34" ht="18.75">
      <c r="A148" s="335" t="s">
        <v>511</v>
      </c>
      <c r="B148" s="335"/>
      <c r="C148" s="335"/>
      <c r="D148" s="335"/>
      <c r="E148" s="335"/>
      <c r="F148" s="335"/>
      <c r="G148" s="335"/>
      <c r="H148" s="335"/>
      <c r="I148" s="335"/>
      <c r="J148" s="335"/>
      <c r="K148" s="335"/>
      <c r="L148" s="335"/>
      <c r="M148" s="335"/>
      <c r="N148" s="335"/>
      <c r="O148" s="335"/>
      <c r="P148" s="335"/>
      <c r="Q148" s="335"/>
      <c r="R148" s="335"/>
      <c r="S148" s="335"/>
      <c r="T148" s="335"/>
      <c r="U148" s="335"/>
      <c r="V148" s="335"/>
      <c r="W148" s="335"/>
      <c r="X148" s="335"/>
      <c r="Y148" s="335"/>
      <c r="Z148" s="335"/>
      <c r="AA148" s="335"/>
      <c r="AB148" s="335"/>
      <c r="AC148" s="335"/>
      <c r="AD148" s="335"/>
      <c r="AE148" s="335"/>
      <c r="AF148" s="335"/>
      <c r="AG148" s="335"/>
      <c r="AH148" s="335"/>
    </row>
    <row r="149" spans="1:34" ht="54" customHeight="1">
      <c r="A149" s="415" t="s">
        <v>532</v>
      </c>
      <c r="B149" s="415"/>
      <c r="C149" s="415"/>
      <c r="D149" s="415"/>
      <c r="E149" s="415"/>
      <c r="F149" s="415"/>
      <c r="G149" s="415"/>
      <c r="H149" s="415"/>
      <c r="I149" s="415"/>
      <c r="J149" s="415"/>
      <c r="K149" s="415"/>
      <c r="L149" s="415"/>
      <c r="M149" s="415"/>
      <c r="N149" s="415"/>
      <c r="O149" s="415"/>
      <c r="P149" s="415"/>
      <c r="Q149" s="415"/>
      <c r="R149" s="415"/>
      <c r="S149" s="415"/>
      <c r="T149" s="415"/>
      <c r="U149" s="415"/>
      <c r="V149" s="415"/>
      <c r="W149" s="415"/>
      <c r="X149" s="415"/>
      <c r="Y149" s="415"/>
      <c r="Z149" s="415"/>
      <c r="AA149" s="415"/>
      <c r="AB149" s="415"/>
      <c r="AC149" s="415"/>
      <c r="AD149" s="415"/>
      <c r="AE149" s="415"/>
      <c r="AF149" s="415"/>
      <c r="AG149" s="415"/>
      <c r="AH149" s="415"/>
    </row>
    <row r="150" spans="1:34" ht="37.5" customHeight="1">
      <c r="A150" s="59"/>
      <c r="B150" s="398" t="s">
        <v>237</v>
      </c>
      <c r="C150" s="399"/>
      <c r="D150" s="399"/>
      <c r="E150" s="399"/>
      <c r="F150" s="399"/>
      <c r="G150" s="399"/>
      <c r="H150" s="399"/>
      <c r="I150" s="399"/>
      <c r="J150" s="399"/>
      <c r="K150" s="399"/>
      <c r="L150" s="400"/>
      <c r="M150" s="398" t="s">
        <v>420</v>
      </c>
      <c r="N150" s="399"/>
      <c r="O150" s="399"/>
      <c r="P150" s="399"/>
      <c r="Q150" s="399"/>
      <c r="R150" s="399"/>
      <c r="S150" s="399"/>
      <c r="T150" s="399"/>
      <c r="U150" s="399"/>
      <c r="V150" s="399"/>
      <c r="W150" s="400"/>
      <c r="X150" s="398" t="s">
        <v>571</v>
      </c>
      <c r="Y150" s="399"/>
      <c r="Z150" s="399"/>
      <c r="AA150" s="399"/>
      <c r="AB150" s="399"/>
      <c r="AC150" s="399"/>
      <c r="AD150" s="399"/>
      <c r="AE150" s="399"/>
      <c r="AF150" s="399"/>
      <c r="AG150" s="399"/>
      <c r="AH150" s="400"/>
    </row>
    <row r="151" spans="1:34" ht="39" customHeight="1">
      <c r="A151" s="32" t="s">
        <v>71</v>
      </c>
      <c r="B151" s="33" t="s">
        <v>72</v>
      </c>
      <c r="C151" s="34" t="s">
        <v>584</v>
      </c>
      <c r="D151" s="35" t="s">
        <v>73</v>
      </c>
      <c r="E151" s="33" t="s">
        <v>312</v>
      </c>
      <c r="F151" s="84" t="s">
        <v>143</v>
      </c>
      <c r="G151" s="33" t="s">
        <v>313</v>
      </c>
      <c r="H151" s="84" t="s">
        <v>144</v>
      </c>
      <c r="I151" s="33" t="s">
        <v>314</v>
      </c>
      <c r="J151" s="84" t="s">
        <v>117</v>
      </c>
      <c r="K151" s="33" t="s">
        <v>301</v>
      </c>
      <c r="L151" s="84" t="s">
        <v>315</v>
      </c>
      <c r="M151" s="60" t="s">
        <v>72</v>
      </c>
      <c r="N151" s="61" t="s">
        <v>584</v>
      </c>
      <c r="O151" s="62" t="s">
        <v>73</v>
      </c>
      <c r="P151" s="60" t="s">
        <v>312</v>
      </c>
      <c r="Q151" s="83" t="s">
        <v>143</v>
      </c>
      <c r="R151" s="60" t="s">
        <v>313</v>
      </c>
      <c r="S151" s="83" t="s">
        <v>144</v>
      </c>
      <c r="T151" s="60" t="s">
        <v>314</v>
      </c>
      <c r="U151" s="83" t="s">
        <v>117</v>
      </c>
      <c r="V151" s="60" t="s">
        <v>301</v>
      </c>
      <c r="W151" s="83" t="s">
        <v>315</v>
      </c>
      <c r="X151" s="33" t="s">
        <v>72</v>
      </c>
      <c r="Y151" s="34" t="s">
        <v>584</v>
      </c>
      <c r="Z151" s="35" t="s">
        <v>73</v>
      </c>
      <c r="AA151" s="33" t="s">
        <v>567</v>
      </c>
      <c r="AB151" s="84" t="s">
        <v>326</v>
      </c>
      <c r="AC151" s="33" t="s">
        <v>327</v>
      </c>
      <c r="AD151" s="84" t="s">
        <v>328</v>
      </c>
      <c r="AE151" s="33" t="s">
        <v>299</v>
      </c>
      <c r="AF151" s="84" t="s">
        <v>329</v>
      </c>
      <c r="AG151" s="33" t="s">
        <v>301</v>
      </c>
      <c r="AH151" s="84" t="s">
        <v>315</v>
      </c>
    </row>
    <row r="152" spans="1:34" ht="72">
      <c r="A152" s="36"/>
      <c r="B152" s="37" t="s">
        <v>74</v>
      </c>
      <c r="C152" s="121" t="s">
        <v>304</v>
      </c>
      <c r="D152" s="39" t="s">
        <v>76</v>
      </c>
      <c r="E152" s="37" t="s">
        <v>159</v>
      </c>
      <c r="F152" s="86" t="s">
        <v>88</v>
      </c>
      <c r="G152" s="37" t="s">
        <v>160</v>
      </c>
      <c r="H152" s="86" t="s">
        <v>88</v>
      </c>
      <c r="I152" s="37" t="s">
        <v>161</v>
      </c>
      <c r="J152" s="86" t="s">
        <v>88</v>
      </c>
      <c r="K152" s="37" t="s">
        <v>301</v>
      </c>
      <c r="L152" s="86" t="s">
        <v>88</v>
      </c>
      <c r="M152" s="63" t="s">
        <v>74</v>
      </c>
      <c r="N152" s="252" t="s">
        <v>304</v>
      </c>
      <c r="O152" s="65" t="s">
        <v>76</v>
      </c>
      <c r="P152" s="63" t="s">
        <v>159</v>
      </c>
      <c r="Q152" s="85" t="s">
        <v>88</v>
      </c>
      <c r="R152" s="63" t="s">
        <v>160</v>
      </c>
      <c r="S152" s="85" t="s">
        <v>88</v>
      </c>
      <c r="T152" s="63" t="s">
        <v>161</v>
      </c>
      <c r="U152" s="85" t="s">
        <v>88</v>
      </c>
      <c r="V152" s="63" t="s">
        <v>301</v>
      </c>
      <c r="W152" s="85" t="s">
        <v>88</v>
      </c>
      <c r="X152" s="37" t="s">
        <v>74</v>
      </c>
      <c r="Y152" s="121" t="s">
        <v>569</v>
      </c>
      <c r="Z152" s="39" t="s">
        <v>76</v>
      </c>
      <c r="AA152" s="37" t="s">
        <v>161</v>
      </c>
      <c r="AB152" s="86" t="s">
        <v>88</v>
      </c>
      <c r="AC152" s="37" t="s">
        <v>160</v>
      </c>
      <c r="AD152" s="86" t="s">
        <v>88</v>
      </c>
      <c r="AE152" s="37" t="s">
        <v>159</v>
      </c>
      <c r="AF152" s="86" t="s">
        <v>88</v>
      </c>
      <c r="AG152" s="37" t="s">
        <v>301</v>
      </c>
      <c r="AH152" s="86" t="s">
        <v>88</v>
      </c>
    </row>
    <row r="153" spans="1:34">
      <c r="A153" s="40" t="s">
        <v>350</v>
      </c>
      <c r="B153" s="189">
        <v>12507</v>
      </c>
      <c r="C153" s="79">
        <v>5.2164135226083417</v>
      </c>
      <c r="D153" s="80">
        <v>3.1099185849462325E-2</v>
      </c>
      <c r="E153" s="191">
        <v>0.15514203479273816</v>
      </c>
      <c r="F153" s="89">
        <v>6.4753985732475374E-3</v>
      </c>
      <c r="G153" s="191">
        <v>0.12937531489276466</v>
      </c>
      <c r="H153" s="89">
        <v>6.0033604623443582E-3</v>
      </c>
      <c r="I153" s="191">
        <v>0.70017979214279147</v>
      </c>
      <c r="J153" s="89">
        <v>8.1930521479739241E-3</v>
      </c>
      <c r="K153" s="191">
        <v>1.5302858171722111E-2</v>
      </c>
      <c r="L153" s="89">
        <v>2.2058467541656158E-3</v>
      </c>
      <c r="M153" s="189">
        <v>12545</v>
      </c>
      <c r="N153" s="79">
        <v>5.5809000888620828</v>
      </c>
      <c r="O153" s="80">
        <v>2.8485804559351402E-2</v>
      </c>
      <c r="P153" s="191">
        <v>0.10303000187141914</v>
      </c>
      <c r="Q153" s="89">
        <v>5.4304039339801496E-3</v>
      </c>
      <c r="R153" s="191">
        <v>9.6175631195178579E-2</v>
      </c>
      <c r="S153" s="89">
        <v>5.2669535092441126E-3</v>
      </c>
      <c r="T153" s="191">
        <v>0.78972530671992347</v>
      </c>
      <c r="U153" s="89">
        <v>7.2765735021415937E-3</v>
      </c>
      <c r="V153" s="191">
        <v>1.1069060213482133E-2</v>
      </c>
      <c r="W153" s="89">
        <v>1.8808994286726034E-3</v>
      </c>
      <c r="X153" s="189">
        <v>12649</v>
      </c>
      <c r="Y153" s="79">
        <v>4.3725237357445605</v>
      </c>
      <c r="Z153" s="80">
        <v>3.2709499857835909E-2</v>
      </c>
      <c r="AA153" s="191">
        <v>0.32826221083340862</v>
      </c>
      <c r="AB153" s="89">
        <v>8.3495282238207486E-3</v>
      </c>
      <c r="AC153" s="191">
        <v>0.18179873847710692</v>
      </c>
      <c r="AD153" s="89">
        <v>6.8588636118216547E-3</v>
      </c>
      <c r="AE153" s="191">
        <v>0.47107177962861668</v>
      </c>
      <c r="AF153" s="89">
        <v>8.8751482471448907E-3</v>
      </c>
      <c r="AG153" s="191">
        <v>1.8867271060888372E-2</v>
      </c>
      <c r="AH153" s="89">
        <v>2.4286310416995554E-3</v>
      </c>
    </row>
    <row r="154" spans="1:34">
      <c r="A154" s="44" t="s">
        <v>351</v>
      </c>
      <c r="B154" s="44">
        <v>8846</v>
      </c>
      <c r="C154" s="173">
        <v>4.980654228510824</v>
      </c>
      <c r="D154" s="125">
        <v>3.8495679022687593E-2</v>
      </c>
      <c r="E154" s="192">
        <v>0.20884742389537184</v>
      </c>
      <c r="F154" s="92">
        <v>8.6437799902133374E-3</v>
      </c>
      <c r="G154" s="192">
        <v>0.13464180845957277</v>
      </c>
      <c r="H154" s="92">
        <v>7.2605747687886713E-3</v>
      </c>
      <c r="I154" s="192">
        <v>0.64666464982328042</v>
      </c>
      <c r="J154" s="92">
        <v>1.0162719522046558E-2</v>
      </c>
      <c r="K154" s="192">
        <v>9.8461178217776994E-3</v>
      </c>
      <c r="L154" s="92">
        <v>2.1223905715983872E-3</v>
      </c>
      <c r="M154" s="44">
        <v>8864</v>
      </c>
      <c r="N154" s="173">
        <v>5.450885009369423</v>
      </c>
      <c r="O154" s="125">
        <v>3.5784229781252008E-2</v>
      </c>
      <c r="P154" s="192">
        <v>0.14196441125623155</v>
      </c>
      <c r="Q154" s="92">
        <v>7.4159288450063188E-3</v>
      </c>
      <c r="R154" s="192">
        <v>9.5155634138057194E-2</v>
      </c>
      <c r="S154" s="92">
        <v>6.2372599105135814E-3</v>
      </c>
      <c r="T154" s="192">
        <v>0.75722761678665496</v>
      </c>
      <c r="U154" s="92">
        <v>9.1075275911893065E-3</v>
      </c>
      <c r="V154" s="192">
        <v>5.6523378190561305E-3</v>
      </c>
      <c r="W154" s="92">
        <v>1.6231299091540978E-3</v>
      </c>
      <c r="X154" s="44">
        <v>8863</v>
      </c>
      <c r="Y154" s="173">
        <v>4.2571311641492038</v>
      </c>
      <c r="Z154" s="125">
        <v>3.9404799036750073E-2</v>
      </c>
      <c r="AA154" s="192">
        <v>0.35071228973515423</v>
      </c>
      <c r="AB154" s="92">
        <v>1.0135726767912743E-2</v>
      </c>
      <c r="AC154" s="192">
        <v>0.18304893564791436</v>
      </c>
      <c r="AD154" s="92">
        <v>8.2158936193938992E-3</v>
      </c>
      <c r="AE154" s="192">
        <v>0.45320453745019956</v>
      </c>
      <c r="AF154" s="92">
        <v>1.0573114806457366E-2</v>
      </c>
      <c r="AG154" s="192">
        <v>1.3034237166735687E-2</v>
      </c>
      <c r="AH154" s="92">
        <v>2.4289378411923349E-3</v>
      </c>
    </row>
    <row r="155" spans="1:34">
      <c r="A155" s="40" t="s">
        <v>352</v>
      </c>
      <c r="B155" s="48">
        <v>3661</v>
      </c>
      <c r="C155" s="79">
        <v>5.4069519698716695</v>
      </c>
      <c r="D155" s="80">
        <v>4.9309312593663245E-2</v>
      </c>
      <c r="E155" s="191">
        <v>0.11216844611282635</v>
      </c>
      <c r="F155" s="89">
        <v>1.0442584156095225E-2</v>
      </c>
      <c r="G155" s="191">
        <v>0.12516121027296337</v>
      </c>
      <c r="H155" s="89">
        <v>1.0947096306451938E-2</v>
      </c>
      <c r="I155" s="191">
        <v>0.74300115053178994</v>
      </c>
      <c r="J155" s="89">
        <v>1.4441083749334883E-2</v>
      </c>
      <c r="K155" s="191">
        <v>1.9669193082421602E-2</v>
      </c>
      <c r="L155" s="89">
        <v>4.6469522710023857E-3</v>
      </c>
      <c r="M155" s="48">
        <v>3681</v>
      </c>
      <c r="N155" s="79">
        <v>5.6857423297410836</v>
      </c>
      <c r="O155" s="80">
        <v>4.3552056733459819E-2</v>
      </c>
      <c r="P155" s="191">
        <v>7.1941465290275897E-2</v>
      </c>
      <c r="Q155" s="89">
        <v>8.5384258429894548E-3</v>
      </c>
      <c r="R155" s="191">
        <v>9.6990083406574515E-2</v>
      </c>
      <c r="S155" s="89">
        <v>9.769968500570176E-3</v>
      </c>
      <c r="T155" s="191">
        <v>0.8156742202454258</v>
      </c>
      <c r="U155" s="89">
        <v>1.2784234109185591E-2</v>
      </c>
      <c r="V155" s="191">
        <v>1.5394231057724186E-2</v>
      </c>
      <c r="W155" s="89">
        <v>4.1238370520265202E-3</v>
      </c>
      <c r="X155" s="48">
        <v>3786</v>
      </c>
      <c r="Y155" s="79">
        <v>4.4631843282467774</v>
      </c>
      <c r="Z155" s="80">
        <v>5.8081977406013091E-2</v>
      </c>
      <c r="AA155" s="191">
        <v>0.31080912089189833</v>
      </c>
      <c r="AB155" s="89">
        <v>1.5038466922709192E-2</v>
      </c>
      <c r="AC155" s="191">
        <v>0.18082681299914533</v>
      </c>
      <c r="AD155" s="89">
        <v>1.2512511752612167E-2</v>
      </c>
      <c r="AE155" s="191">
        <v>0.48496209093268411</v>
      </c>
      <c r="AF155" s="89">
        <v>1.6236196520193955E-2</v>
      </c>
      <c r="AG155" s="191">
        <v>2.3401975176272394E-2</v>
      </c>
      <c r="AH155" s="89">
        <v>4.9625013790381449E-3</v>
      </c>
    </row>
    <row r="156" spans="1:34">
      <c r="A156" s="44" t="s">
        <v>534</v>
      </c>
      <c r="B156" s="44">
        <v>1568</v>
      </c>
      <c r="C156" s="173">
        <v>5.0989843899037925</v>
      </c>
      <c r="D156" s="125">
        <v>8.623416250803892E-2</v>
      </c>
      <c r="E156" s="192">
        <v>0.16760685880426041</v>
      </c>
      <c r="F156" s="92">
        <v>1.8879310672402557E-2</v>
      </c>
      <c r="G156" s="192">
        <v>0.1410276689649636</v>
      </c>
      <c r="H156" s="92">
        <v>1.7604201808598046E-2</v>
      </c>
      <c r="I156" s="192">
        <v>0.67001343057887131</v>
      </c>
      <c r="J156" s="92">
        <v>2.3726727894048533E-2</v>
      </c>
      <c r="K156" s="192">
        <v>2.1352041651904016E-2</v>
      </c>
      <c r="L156" s="92">
        <v>7.4922473245587545E-3</v>
      </c>
      <c r="M156" s="44">
        <v>1574</v>
      </c>
      <c r="N156" s="173">
        <v>5.6393673035147787</v>
      </c>
      <c r="O156" s="125">
        <v>7.6625171620637672E-2</v>
      </c>
      <c r="P156" s="192">
        <v>9.0581027246159976E-2</v>
      </c>
      <c r="Q156" s="92">
        <v>1.4524559156141956E-2</v>
      </c>
      <c r="R156" s="192">
        <v>8.5767498446871052E-2</v>
      </c>
      <c r="S156" s="92">
        <v>1.4176171667736598E-2</v>
      </c>
      <c r="T156" s="192">
        <v>0.80955455365847895</v>
      </c>
      <c r="U156" s="92">
        <v>1.9800088492451528E-2</v>
      </c>
      <c r="V156" s="192">
        <v>1.4096920648489206E-2</v>
      </c>
      <c r="W156" s="92">
        <v>6.1854827630140217E-3</v>
      </c>
      <c r="X156" s="44">
        <v>1596</v>
      </c>
      <c r="Y156" s="173">
        <v>4.3917157716203761</v>
      </c>
      <c r="Z156" s="125">
        <v>9.271365615338481E-2</v>
      </c>
      <c r="AA156" s="192">
        <v>0.33435490311347232</v>
      </c>
      <c r="AB156" s="92">
        <v>2.3595482718027954E-2</v>
      </c>
      <c r="AC156" s="192">
        <v>0.16365684835593805</v>
      </c>
      <c r="AD156" s="92">
        <v>1.8536329927904823E-2</v>
      </c>
      <c r="AE156" s="192">
        <v>0.47534348685773364</v>
      </c>
      <c r="AF156" s="92">
        <v>2.4969736296075452E-2</v>
      </c>
      <c r="AG156" s="192">
        <v>2.6644761672855094E-2</v>
      </c>
      <c r="AH156" s="92">
        <v>8.22401116383077E-3</v>
      </c>
    </row>
    <row r="157" spans="1:34">
      <c r="A157" s="40" t="s">
        <v>535</v>
      </c>
      <c r="B157" s="48">
        <v>804</v>
      </c>
      <c r="C157" s="79">
        <v>4.8128055460475814</v>
      </c>
      <c r="D157" s="80">
        <v>0.12848389501102414</v>
      </c>
      <c r="E157" s="191">
        <v>0.23476739770455229</v>
      </c>
      <c r="F157" s="89">
        <v>2.9879830342046977E-2</v>
      </c>
      <c r="G157" s="191">
        <v>0.1408767162020019</v>
      </c>
      <c r="H157" s="89">
        <v>2.4606228825341133E-2</v>
      </c>
      <c r="I157" s="191">
        <v>0.60932478691550518</v>
      </c>
      <c r="J157" s="89">
        <v>3.4337155768649451E-2</v>
      </c>
      <c r="K157" s="191">
        <v>1.50310991779402E-2</v>
      </c>
      <c r="L157" s="89">
        <v>9.2082783868381816E-3</v>
      </c>
      <c r="M157" s="48">
        <v>806</v>
      </c>
      <c r="N157" s="79">
        <v>5.4318731119594501</v>
      </c>
      <c r="O157" s="80">
        <v>0.11924755783759729</v>
      </c>
      <c r="P157" s="191">
        <v>0.13491676268362376</v>
      </c>
      <c r="Q157" s="89">
        <v>2.4142312849811023E-2</v>
      </c>
      <c r="R157" s="191">
        <v>0.10427406389384272</v>
      </c>
      <c r="S157" s="89">
        <v>2.1653137832086427E-2</v>
      </c>
      <c r="T157" s="191">
        <v>0.75189769712022203</v>
      </c>
      <c r="U157" s="89">
        <v>3.0402460399382859E-2</v>
      </c>
      <c r="V157" s="191">
        <v>8.9114763023116321E-3</v>
      </c>
      <c r="W157" s="89">
        <v>7.4396622137846719E-3</v>
      </c>
      <c r="X157" s="48">
        <v>807</v>
      </c>
      <c r="Y157" s="79">
        <v>4.2310081505693073</v>
      </c>
      <c r="Z157" s="80">
        <v>0.1325877732279217</v>
      </c>
      <c r="AA157" s="191">
        <v>0.37957643639271632</v>
      </c>
      <c r="AB157" s="89">
        <v>3.4091402775960712E-2</v>
      </c>
      <c r="AC157" s="191">
        <v>0.15242540396775475</v>
      </c>
      <c r="AD157" s="89">
        <v>2.5358651213822421E-2</v>
      </c>
      <c r="AE157" s="191">
        <v>0.44994614836110797</v>
      </c>
      <c r="AF157" s="89">
        <v>3.4940094235844231E-2</v>
      </c>
      <c r="AG157" s="191">
        <v>1.8052011278419714E-2</v>
      </c>
      <c r="AH157" s="89">
        <v>9.9348605784750233E-3</v>
      </c>
    </row>
    <row r="158" spans="1:34">
      <c r="A158" s="44" t="s">
        <v>536</v>
      </c>
      <c r="B158" s="44">
        <v>180</v>
      </c>
      <c r="C158" s="173">
        <v>5.0492496489894583</v>
      </c>
      <c r="D158" s="125">
        <v>0.24211547062685312</v>
      </c>
      <c r="E158" s="192">
        <v>0.20540069124755067</v>
      </c>
      <c r="F158" s="92">
        <v>6.0242924144336206E-2</v>
      </c>
      <c r="G158" s="192">
        <v>9.8304291769074653E-2</v>
      </c>
      <c r="H158" s="92">
        <v>4.5583160763129522E-2</v>
      </c>
      <c r="I158" s="192">
        <v>0.68955785134671455</v>
      </c>
      <c r="J158" s="92">
        <v>6.8463431759986301E-2</v>
      </c>
      <c r="K158" s="192">
        <v>6.7371656366596901E-3</v>
      </c>
      <c r="L158" s="92">
        <v>1.9311750014984187E-2</v>
      </c>
      <c r="M158" s="44">
        <v>181</v>
      </c>
      <c r="N158" s="173">
        <v>5.6644973851502272</v>
      </c>
      <c r="O158" s="125">
        <v>0.22112301725128836</v>
      </c>
      <c r="P158" s="192">
        <v>0.1069521618369582</v>
      </c>
      <c r="Q158" s="92">
        <v>4.6989746329420275E-2</v>
      </c>
      <c r="R158" s="192">
        <v>7.2849307783019374E-2</v>
      </c>
      <c r="S158" s="92">
        <v>4.0362426053842715E-2</v>
      </c>
      <c r="T158" s="192">
        <v>0.82019853038002255</v>
      </c>
      <c r="U158" s="92">
        <v>5.7301209752875941E-2</v>
      </c>
      <c r="V158" s="192">
        <v>0</v>
      </c>
      <c r="W158" s="92">
        <v>1.5205928559628042E-2</v>
      </c>
      <c r="X158" s="44">
        <v>181</v>
      </c>
      <c r="Y158" s="173">
        <v>4.3983430946831454</v>
      </c>
      <c r="Z158" s="125">
        <v>0.29094993186436213</v>
      </c>
      <c r="AA158" s="192">
        <v>0.35119637398399139</v>
      </c>
      <c r="AB158" s="92">
        <v>7.0335818981125786E-2</v>
      </c>
      <c r="AC158" s="192">
        <v>0.14027461408890679</v>
      </c>
      <c r="AD158" s="92">
        <v>5.222258583110731E-2</v>
      </c>
      <c r="AE158" s="192">
        <v>0.49364054112183403</v>
      </c>
      <c r="AF158" s="92">
        <v>7.3515769553063701E-2</v>
      </c>
      <c r="AG158" s="192">
        <v>1.488847080526738E-2</v>
      </c>
      <c r="AH158" s="92">
        <v>2.312520931210495E-2</v>
      </c>
    </row>
    <row r="159" spans="1:34">
      <c r="A159" s="40" t="s">
        <v>537</v>
      </c>
      <c r="B159" s="48">
        <v>68</v>
      </c>
      <c r="C159" s="79">
        <v>4.5853104003093899</v>
      </c>
      <c r="D159" s="80">
        <v>0.44662593305022774</v>
      </c>
      <c r="E159" s="191">
        <v>0.30959817444239712</v>
      </c>
      <c r="F159" s="89">
        <v>0.10996548658443572</v>
      </c>
      <c r="G159" s="191">
        <v>0.1249140429392091</v>
      </c>
      <c r="H159" s="89">
        <v>8.316932592605121E-2</v>
      </c>
      <c r="I159" s="191">
        <v>0.54623607002111241</v>
      </c>
      <c r="J159" s="89">
        <v>0.11740082297270178</v>
      </c>
      <c r="K159" s="191">
        <v>1.9251712597281454E-2</v>
      </c>
      <c r="L159" s="89">
        <v>4.9355644566328925E-2</v>
      </c>
      <c r="M159" s="48">
        <v>69</v>
      </c>
      <c r="N159" s="79">
        <v>5.3164750730913548</v>
      </c>
      <c r="O159" s="80">
        <v>0.39145596506958036</v>
      </c>
      <c r="P159" s="191">
        <v>0.18234485113575188</v>
      </c>
      <c r="Q159" s="89">
        <v>9.3589106448506695E-2</v>
      </c>
      <c r="R159" s="191">
        <v>0.10651259537706088</v>
      </c>
      <c r="S159" s="89">
        <v>7.8223674756844552E-2</v>
      </c>
      <c r="T159" s="191">
        <v>0.71114255348718725</v>
      </c>
      <c r="U159" s="89">
        <v>0.10731354096393352</v>
      </c>
      <c r="V159" s="191">
        <v>0</v>
      </c>
      <c r="W159" s="89">
        <v>3.821112970151376E-2</v>
      </c>
      <c r="X159" s="48">
        <v>69</v>
      </c>
      <c r="Y159" s="79">
        <v>4.1145451271748525</v>
      </c>
      <c r="Z159" s="80">
        <v>0.46642239636015537</v>
      </c>
      <c r="AA159" s="191">
        <v>0.36602863667022201</v>
      </c>
      <c r="AB159" s="89">
        <v>0.11322537227179236</v>
      </c>
      <c r="AC159" s="191">
        <v>0.16990983983564617</v>
      </c>
      <c r="AD159" s="89">
        <v>9.1458235233981278E-2</v>
      </c>
      <c r="AE159" s="191">
        <v>0.4331672984992565</v>
      </c>
      <c r="AF159" s="89">
        <v>0.11610327731021911</v>
      </c>
      <c r="AG159" s="191">
        <v>3.0894224994875454E-2</v>
      </c>
      <c r="AH159" s="89">
        <v>5.4090357545971149E-2</v>
      </c>
    </row>
    <row r="160" spans="1:34">
      <c r="A160" s="44" t="s">
        <v>546</v>
      </c>
      <c r="B160" s="44">
        <v>771</v>
      </c>
      <c r="C160" s="173">
        <v>5.2252645007342364</v>
      </c>
      <c r="D160" s="125">
        <v>0.10942369516015998</v>
      </c>
      <c r="E160" s="192">
        <v>0.13859127929977627</v>
      </c>
      <c r="F160" s="92">
        <v>2.496227388716141E-2</v>
      </c>
      <c r="G160" s="192">
        <v>0.14027799622550335</v>
      </c>
      <c r="H160" s="92">
        <v>2.5086418280074387E-2</v>
      </c>
      <c r="I160" s="192">
        <v>0.69726178082717472</v>
      </c>
      <c r="J160" s="92">
        <v>3.303866182350905E-2</v>
      </c>
      <c r="K160" s="192">
        <v>2.3868943647545975E-2</v>
      </c>
      <c r="L160" s="92">
        <v>1.1502216386966984E-2</v>
      </c>
      <c r="M160" s="44">
        <v>775</v>
      </c>
      <c r="N160" s="173">
        <v>5.7303442547017589</v>
      </c>
      <c r="O160" s="125">
        <v>9.1624608045849501E-2</v>
      </c>
      <c r="P160" s="192">
        <v>7.1544207457374331E-2</v>
      </c>
      <c r="Q160" s="92">
        <v>1.8727972897099557E-2</v>
      </c>
      <c r="R160" s="192">
        <v>7.7546050432244079E-2</v>
      </c>
      <c r="S160" s="92">
        <v>1.9408551109646874E-2</v>
      </c>
      <c r="T160" s="192">
        <v>0.83472795136223499</v>
      </c>
      <c r="U160" s="92">
        <v>2.6725906482636692E-2</v>
      </c>
      <c r="V160" s="192">
        <v>1.6181790748146622E-2</v>
      </c>
      <c r="W160" s="92">
        <v>9.6983175971637973E-3</v>
      </c>
      <c r="X160" s="44">
        <v>796</v>
      </c>
      <c r="Y160" s="173">
        <v>4.4630927459096243</v>
      </c>
      <c r="Z160" s="125">
        <v>0.12854700519157497</v>
      </c>
      <c r="AA160" s="192">
        <v>0.31537737699998492</v>
      </c>
      <c r="AB160" s="92">
        <v>3.2882707466691766E-2</v>
      </c>
      <c r="AC160" s="192">
        <v>0.16731742176980266</v>
      </c>
      <c r="AD160" s="92">
        <v>2.6497765205601879E-2</v>
      </c>
      <c r="AE160" s="192">
        <v>0.48657845621901741</v>
      </c>
      <c r="AF160" s="92">
        <v>3.5342726199139182E-2</v>
      </c>
      <c r="AG160" s="192">
        <v>3.0726745011195242E-2</v>
      </c>
      <c r="AH160" s="92">
        <v>1.2645014945818355E-2</v>
      </c>
    </row>
    <row r="161" spans="1:34">
      <c r="A161" s="40" t="s">
        <v>547</v>
      </c>
      <c r="B161" s="48">
        <v>127</v>
      </c>
      <c r="C161" s="79">
        <v>5.2115237438578941</v>
      </c>
      <c r="D161" s="80">
        <v>0.26320176740565054</v>
      </c>
      <c r="E161" s="191">
        <v>0.14265696032238234</v>
      </c>
      <c r="F161" s="89">
        <v>6.3000062203865267E-2</v>
      </c>
      <c r="G161" s="191">
        <v>0.11521564873247217</v>
      </c>
      <c r="H161" s="89">
        <v>5.8177074135498268E-2</v>
      </c>
      <c r="I161" s="191">
        <v>0.71045932783554322</v>
      </c>
      <c r="J161" s="89">
        <v>7.9765017235507829E-2</v>
      </c>
      <c r="K161" s="191">
        <v>3.1668063109602601E-2</v>
      </c>
      <c r="L161" s="89">
        <v>3.65935766372157E-2</v>
      </c>
      <c r="M161" s="48">
        <v>127</v>
      </c>
      <c r="N161" s="79">
        <v>5.7552606100773005</v>
      </c>
      <c r="O161" s="80">
        <v>0.23300119067413483</v>
      </c>
      <c r="P161" s="191">
        <v>7.827154864562251E-2</v>
      </c>
      <c r="Q161" s="89">
        <v>5.0293993098891945E-2</v>
      </c>
      <c r="R161" s="191">
        <v>7.8415873661746946E-2</v>
      </c>
      <c r="S161" s="89">
        <v>5.0328705749506333E-2</v>
      </c>
      <c r="T161" s="191">
        <v>0.80234493320459055</v>
      </c>
      <c r="U161" s="89">
        <v>7.0782918000646275E-2</v>
      </c>
      <c r="V161" s="191">
        <v>4.0967644488040286E-2</v>
      </c>
      <c r="W161" s="89">
        <v>3.9831963995695011E-2</v>
      </c>
      <c r="X161" s="48">
        <v>127</v>
      </c>
      <c r="Y161" s="79">
        <v>4.3742116153485311</v>
      </c>
      <c r="Z161" s="80">
        <v>0.3452439971551417</v>
      </c>
      <c r="AA161" s="191">
        <v>0.32814857078205251</v>
      </c>
      <c r="AB161" s="89">
        <v>8.2377475628921545E-2</v>
      </c>
      <c r="AC161" s="191">
        <v>0.14191066604775915</v>
      </c>
      <c r="AD161" s="89">
        <v>6.2878336853422076E-2</v>
      </c>
      <c r="AE161" s="191">
        <v>0.48210125658466674</v>
      </c>
      <c r="AF161" s="89">
        <v>8.7317775455485164E-2</v>
      </c>
      <c r="AG161" s="191">
        <v>4.7839506585522343E-2</v>
      </c>
      <c r="AH161" s="89">
        <v>4.2027149604930147E-2</v>
      </c>
    </row>
    <row r="162" spans="1:34">
      <c r="A162" s="44" t="s">
        <v>548</v>
      </c>
      <c r="B162" s="44">
        <v>88</v>
      </c>
      <c r="C162" s="173">
        <v>5.202100028154705</v>
      </c>
      <c r="D162" s="125">
        <v>0.3910526203448827</v>
      </c>
      <c r="E162" s="192">
        <v>0.1606069435240271</v>
      </c>
      <c r="F162" s="92">
        <v>7.9293325642526877E-2</v>
      </c>
      <c r="G162" s="192">
        <v>0.1192082229747523</v>
      </c>
      <c r="H162" s="92">
        <v>7.1424152035959573E-2</v>
      </c>
      <c r="I162" s="192">
        <v>0.67940153726170538</v>
      </c>
      <c r="J162" s="92">
        <v>9.7924757128210818E-2</v>
      </c>
      <c r="K162" s="192">
        <v>4.0783296239515057E-2</v>
      </c>
      <c r="L162" s="92">
        <v>4.9807791312606008E-2</v>
      </c>
      <c r="M162" s="44">
        <v>88</v>
      </c>
      <c r="N162" s="173">
        <v>5.7985489090464384</v>
      </c>
      <c r="O162" s="125">
        <v>0.27483684884195037</v>
      </c>
      <c r="P162" s="192">
        <v>2.4856354563464151E-2</v>
      </c>
      <c r="Q162" s="92">
        <v>4.3460716537214471E-2</v>
      </c>
      <c r="R162" s="192">
        <v>0.11618195544570036</v>
      </c>
      <c r="S162" s="92">
        <v>7.0776850877076983E-2</v>
      </c>
      <c r="T162" s="192">
        <v>0.8181783937513204</v>
      </c>
      <c r="U162" s="92">
        <v>8.2718589087317579E-2</v>
      </c>
      <c r="V162" s="192">
        <v>4.0783296239515057E-2</v>
      </c>
      <c r="W162" s="92">
        <v>4.9807791312606008E-2</v>
      </c>
      <c r="X162" s="44">
        <v>88</v>
      </c>
      <c r="Y162" s="173">
        <v>4.0992872794761022</v>
      </c>
      <c r="Z162" s="125">
        <v>0.37752538632973442</v>
      </c>
      <c r="AA162" s="192">
        <v>0.39025747343496631</v>
      </c>
      <c r="AB162" s="92">
        <v>0.10193370939819242</v>
      </c>
      <c r="AC162" s="192">
        <v>0.1729784895992216</v>
      </c>
      <c r="AD162" s="92">
        <v>8.1335100761692439E-2</v>
      </c>
      <c r="AE162" s="192">
        <v>0.41606479198864377</v>
      </c>
      <c r="AF162" s="92">
        <v>0.10290438409271375</v>
      </c>
      <c r="AG162" s="192">
        <v>2.0699244977168008E-2</v>
      </c>
      <c r="AH162" s="92">
        <v>4.1605271864950381E-2</v>
      </c>
    </row>
    <row r="163" spans="1:34">
      <c r="A163" s="40" t="s">
        <v>538</v>
      </c>
      <c r="B163" s="189">
        <v>106</v>
      </c>
      <c r="C163" s="79">
        <v>5.2858134585324814</v>
      </c>
      <c r="D163" s="80">
        <v>0.29584905660377364</v>
      </c>
      <c r="E163" s="191">
        <v>0.11683634381695442</v>
      </c>
      <c r="F163" s="89">
        <v>6.4291633231258791E-2</v>
      </c>
      <c r="G163" s="191">
        <v>0.20037516396973287</v>
      </c>
      <c r="H163" s="89">
        <v>7.7842577931776458E-2</v>
      </c>
      <c r="I163" s="191">
        <v>0.68278849221331328</v>
      </c>
      <c r="J163" s="89">
        <v>8.9233936345058773E-2</v>
      </c>
      <c r="K163" s="191">
        <v>0</v>
      </c>
      <c r="L163" s="89">
        <v>2.5478147263468021E-2</v>
      </c>
      <c r="M163" s="189">
        <v>108</v>
      </c>
      <c r="N163" s="79">
        <v>5.5202280982380429</v>
      </c>
      <c r="O163" s="80">
        <v>0.31725440630439133</v>
      </c>
      <c r="P163" s="191">
        <v>0.10548907972621474</v>
      </c>
      <c r="Q163" s="89">
        <v>6.131874471482162E-2</v>
      </c>
      <c r="R163" s="191">
        <v>0.1267238261837223</v>
      </c>
      <c r="S163" s="89">
        <v>6.5585190509890492E-2</v>
      </c>
      <c r="T163" s="191">
        <v>0.76778709409006385</v>
      </c>
      <c r="U163" s="89">
        <v>8.091458088437517E-2</v>
      </c>
      <c r="V163" s="191">
        <v>0</v>
      </c>
      <c r="W163" s="89">
        <v>2.5027317436669111E-2</v>
      </c>
      <c r="X163" s="189">
        <v>108</v>
      </c>
      <c r="Y163" s="79">
        <v>4.2920849679552484</v>
      </c>
      <c r="Z163" s="80">
        <v>0.35692517545139602</v>
      </c>
      <c r="AA163" s="191">
        <v>0.39821556287998694</v>
      </c>
      <c r="AB163" s="89">
        <v>9.2652715460206897E-2</v>
      </c>
      <c r="AC163" s="191">
        <v>0.13873159916342329</v>
      </c>
      <c r="AD163" s="89">
        <v>6.7781465898526766E-2</v>
      </c>
      <c r="AE163" s="191">
        <v>0.44742019793816434</v>
      </c>
      <c r="AF163" s="89">
        <v>9.4004048557303099E-2</v>
      </c>
      <c r="AG163" s="191">
        <v>1.5632640018425705E-2</v>
      </c>
      <c r="AH163" s="89">
        <v>3.3725251404167808E-2</v>
      </c>
    </row>
    <row r="164" spans="1:34">
      <c r="A164" s="44" t="s">
        <v>539</v>
      </c>
      <c r="B164" s="190">
        <v>84</v>
      </c>
      <c r="C164" s="173">
        <v>5.3827473540733388</v>
      </c>
      <c r="D164" s="125">
        <v>0.33911038035857061</v>
      </c>
      <c r="E164" s="192">
        <v>9.6126337580637142E-2</v>
      </c>
      <c r="F164" s="92">
        <v>6.7882784035304775E-2</v>
      </c>
      <c r="G164" s="192">
        <v>0.1829600918243712</v>
      </c>
      <c r="H164" s="92">
        <v>8.4857015134747707E-2</v>
      </c>
      <c r="I164" s="192">
        <v>0.72091357059499106</v>
      </c>
      <c r="J164" s="92">
        <v>9.66561338836604E-2</v>
      </c>
      <c r="K164" s="192">
        <v>0</v>
      </c>
      <c r="L164" s="92">
        <v>3.177387706452417E-2</v>
      </c>
      <c r="M164" s="190">
        <v>86</v>
      </c>
      <c r="N164" s="173">
        <v>5.6637071527311678</v>
      </c>
      <c r="O164" s="125">
        <v>0.33135843219631367</v>
      </c>
      <c r="P164" s="192">
        <v>8.5925198864585037E-2</v>
      </c>
      <c r="Q164" s="92">
        <v>6.444431966110839E-2</v>
      </c>
      <c r="R164" s="192">
        <v>0.11621746503913616</v>
      </c>
      <c r="S164" s="92">
        <v>7.165112487209313E-2</v>
      </c>
      <c r="T164" s="192">
        <v>0.7978573360962784</v>
      </c>
      <c r="U164" s="92">
        <v>8.6664587826904421E-2</v>
      </c>
      <c r="V164" s="192">
        <v>0</v>
      </c>
      <c r="W164" s="92">
        <v>3.1075817723560044E-2</v>
      </c>
      <c r="X164" s="190">
        <v>86</v>
      </c>
      <c r="Y164" s="173">
        <v>4.3536632069590757</v>
      </c>
      <c r="Z164" s="125">
        <v>0.41299944410372585</v>
      </c>
      <c r="AA164" s="192">
        <v>0.41281889294731777</v>
      </c>
      <c r="AB164" s="92">
        <v>0.1039358873297386</v>
      </c>
      <c r="AC164" s="192">
        <v>9.9642606279939705E-2</v>
      </c>
      <c r="AD164" s="92">
        <v>6.7870789373435006E-2</v>
      </c>
      <c r="AE164" s="192">
        <v>0.46898695255451223</v>
      </c>
      <c r="AF164" s="92">
        <v>0.1052239485122764</v>
      </c>
      <c r="AG164" s="192">
        <v>1.8551548218229418E-2</v>
      </c>
      <c r="AH164" s="92">
        <v>4.1286701672072101E-2</v>
      </c>
    </row>
    <row r="165" spans="1:34">
      <c r="A165" s="40" t="s">
        <v>540</v>
      </c>
      <c r="B165" s="49">
        <v>209</v>
      </c>
      <c r="C165" s="79">
        <v>4.5452298321180757</v>
      </c>
      <c r="D165" s="80">
        <v>0.25024442085010945</v>
      </c>
      <c r="E165" s="191">
        <v>0.2705601542324278</v>
      </c>
      <c r="F165" s="89">
        <v>6.118025096173605E-2</v>
      </c>
      <c r="G165" s="191">
        <v>0.13905120315226863</v>
      </c>
      <c r="H165" s="89">
        <v>4.8365454759917104E-2</v>
      </c>
      <c r="I165" s="191">
        <v>0.5807209959400379</v>
      </c>
      <c r="J165" s="89">
        <v>6.7653709634891118E-2</v>
      </c>
      <c r="K165" s="191">
        <v>9.6676466752662043E-3</v>
      </c>
      <c r="L165" s="89">
        <v>1.8648954429501576E-2</v>
      </c>
      <c r="M165" s="49">
        <v>208</v>
      </c>
      <c r="N165" s="79">
        <v>5.7634966153931382</v>
      </c>
      <c r="O165" s="80">
        <v>0.22971354242352343</v>
      </c>
      <c r="P165" s="191">
        <v>8.6056435789247057E-2</v>
      </c>
      <c r="Q165" s="89">
        <v>4.0060269666222885E-2</v>
      </c>
      <c r="R165" s="191">
        <v>8.1864705783830288E-2</v>
      </c>
      <c r="S165" s="89">
        <v>3.9261643218237975E-2</v>
      </c>
      <c r="T165" s="191">
        <v>0.83207885842692275</v>
      </c>
      <c r="U165" s="89">
        <v>5.2096743450401654E-2</v>
      </c>
      <c r="V165" s="191">
        <v>0</v>
      </c>
      <c r="W165" s="89">
        <v>1.3278555999685485E-2</v>
      </c>
      <c r="X165" s="49">
        <v>208</v>
      </c>
      <c r="Y165" s="79">
        <v>4.7794875028560488</v>
      </c>
      <c r="Z165" s="80">
        <v>0.25781862719767118</v>
      </c>
      <c r="AA165" s="191">
        <v>0.23994986619001696</v>
      </c>
      <c r="AB165" s="89">
        <v>5.9065326860595443E-2</v>
      </c>
      <c r="AC165" s="191">
        <v>0.16730268909100424</v>
      </c>
      <c r="AD165" s="89">
        <v>5.2025026912787084E-2</v>
      </c>
      <c r="AE165" s="191">
        <v>0.58918454795414177</v>
      </c>
      <c r="AF165" s="89">
        <v>6.7620393176281726E-2</v>
      </c>
      <c r="AG165" s="191">
        <v>3.5628967648379294E-3</v>
      </c>
      <c r="AH165" s="89">
        <v>1.551776772984789E-2</v>
      </c>
    </row>
    <row r="166" spans="1:34" ht="25.5">
      <c r="A166" s="44" t="s">
        <v>541</v>
      </c>
      <c r="B166" s="190">
        <v>83</v>
      </c>
      <c r="C166" s="173">
        <v>4.5791434336580936</v>
      </c>
      <c r="D166" s="125">
        <v>0.36575510416136142</v>
      </c>
      <c r="E166" s="192">
        <v>0.25470341643086813</v>
      </c>
      <c r="F166" s="92">
        <v>9.4743526595986866E-2</v>
      </c>
      <c r="G166" s="192">
        <v>0.15428309611530489</v>
      </c>
      <c r="H166" s="92">
        <v>8.0577664840989577E-2</v>
      </c>
      <c r="I166" s="192">
        <v>0.56853723816683421</v>
      </c>
      <c r="J166" s="92">
        <v>0.10629057068824356</v>
      </c>
      <c r="K166" s="192">
        <v>2.2476249286992794E-2</v>
      </c>
      <c r="L166" s="92">
        <v>4.4182077883156264E-2</v>
      </c>
      <c r="M166" s="190">
        <v>83</v>
      </c>
      <c r="N166" s="173">
        <v>6.0279993638688483</v>
      </c>
      <c r="O166" s="125">
        <v>0.26337293206865009</v>
      </c>
      <c r="P166" s="192">
        <v>5.1540947420507272E-2</v>
      </c>
      <c r="Q166" s="92">
        <v>5.5482305049299692E-2</v>
      </c>
      <c r="R166" s="192">
        <v>4.8427001541284057E-2</v>
      </c>
      <c r="S166" s="92">
        <v>5.4415119492272887E-2</v>
      </c>
      <c r="T166" s="192">
        <v>0.90003205103820905</v>
      </c>
      <c r="U166" s="92">
        <v>6.9265799490529981E-2</v>
      </c>
      <c r="V166" s="192">
        <v>0</v>
      </c>
      <c r="W166" s="92">
        <v>3.2134798233390625E-2</v>
      </c>
      <c r="X166" s="190">
        <v>83</v>
      </c>
      <c r="Y166" s="173">
        <v>4.8605982313893543</v>
      </c>
      <c r="Z166" s="125">
        <v>0.36572205599786795</v>
      </c>
      <c r="AA166" s="192">
        <v>0.21493789060544913</v>
      </c>
      <c r="AB166" s="92">
        <v>8.9965520814900807E-2</v>
      </c>
      <c r="AC166" s="192">
        <v>0.15909373812104738</v>
      </c>
      <c r="AD166" s="92">
        <v>8.143084760815951E-2</v>
      </c>
      <c r="AE166" s="192">
        <v>0.62596837127350335</v>
      </c>
      <c r="AF166" s="92">
        <v>0.1040684026785999</v>
      </c>
      <c r="AG166" s="192">
        <v>0</v>
      </c>
      <c r="AH166" s="92">
        <v>3.2134798233390625E-2</v>
      </c>
    </row>
    <row r="167" spans="1:34" ht="25.5">
      <c r="A167" s="52" t="s">
        <v>549</v>
      </c>
      <c r="B167" s="189">
        <v>53</v>
      </c>
      <c r="C167" s="79">
        <v>4.1112636331391812</v>
      </c>
      <c r="D167" s="80">
        <v>0.50716346149871128</v>
      </c>
      <c r="E167" s="191">
        <v>0.34692307851614862</v>
      </c>
      <c r="F167" s="89">
        <v>0.12697308416989944</v>
      </c>
      <c r="G167" s="191">
        <v>0.1064303553293031</v>
      </c>
      <c r="H167" s="89">
        <v>9.0255026158815602E-2</v>
      </c>
      <c r="I167" s="191">
        <v>0.54664656615454821</v>
      </c>
      <c r="J167" s="89">
        <v>0.13195394523756224</v>
      </c>
      <c r="K167" s="191">
        <v>0</v>
      </c>
      <c r="L167" s="89">
        <v>4.8743201957104715E-2</v>
      </c>
      <c r="M167" s="189">
        <v>52</v>
      </c>
      <c r="N167" s="79">
        <v>4.9577898575151416</v>
      </c>
      <c r="O167" s="80">
        <v>0.55684552137841337</v>
      </c>
      <c r="P167" s="191">
        <v>0.16702819785226761</v>
      </c>
      <c r="Q167" s="89">
        <v>0.10501792962059525</v>
      </c>
      <c r="R167" s="191">
        <v>0.16661215646186164</v>
      </c>
      <c r="S167" s="89">
        <v>0.10493660490250649</v>
      </c>
      <c r="T167" s="191">
        <v>0.66635964568587081</v>
      </c>
      <c r="U167" s="89">
        <v>0.127093023856654</v>
      </c>
      <c r="V167" s="191">
        <v>0</v>
      </c>
      <c r="W167" s="89">
        <v>4.9597505344958111E-2</v>
      </c>
      <c r="X167" s="189">
        <v>53</v>
      </c>
      <c r="Y167" s="79">
        <v>4.4359835629260278</v>
      </c>
      <c r="Z167" s="80">
        <v>0.50907856226330117</v>
      </c>
      <c r="AA167" s="191">
        <v>0.26505699321943416</v>
      </c>
      <c r="AB167" s="89">
        <v>0.11914227760411918</v>
      </c>
      <c r="AC167" s="191">
        <v>0.2897124351193634</v>
      </c>
      <c r="AD167" s="89">
        <v>0.12190528588015476</v>
      </c>
      <c r="AE167" s="191">
        <v>0.44523057166120245</v>
      </c>
      <c r="AF167" s="89">
        <v>0.13176442206235331</v>
      </c>
      <c r="AG167" s="191">
        <v>0</v>
      </c>
      <c r="AH167" s="89">
        <v>4.8743201957104715E-2</v>
      </c>
    </row>
    <row r="168" spans="1:34">
      <c r="A168" s="44" t="s">
        <v>543</v>
      </c>
      <c r="B168" s="190">
        <v>73</v>
      </c>
      <c r="C168" s="173">
        <v>4.7705405644740067</v>
      </c>
      <c r="D168" s="125">
        <v>0.43012476109395048</v>
      </c>
      <c r="E168" s="192">
        <v>0.24310971568844356</v>
      </c>
      <c r="F168" s="92">
        <v>9.9527629800647499E-2</v>
      </c>
      <c r="G168" s="192">
        <v>0.14048552759878549</v>
      </c>
      <c r="H168" s="92">
        <v>8.3379647419004624E-2</v>
      </c>
      <c r="I168" s="192">
        <v>0.6164047567127704</v>
      </c>
      <c r="J168" s="92">
        <v>0.11115010690714475</v>
      </c>
      <c r="K168" s="192">
        <v>0</v>
      </c>
      <c r="L168" s="92">
        <v>3.6252631573966396E-2</v>
      </c>
      <c r="M168" s="190">
        <v>73</v>
      </c>
      <c r="N168" s="173">
        <v>5.9219346842789884</v>
      </c>
      <c r="O168" s="125">
        <v>0.36169148941141227</v>
      </c>
      <c r="P168" s="192">
        <v>7.9787370190545867E-2</v>
      </c>
      <c r="Q168" s="92">
        <v>6.8864883623545467E-2</v>
      </c>
      <c r="R168" s="192">
        <v>7.203346645157653E-2</v>
      </c>
      <c r="S168" s="92">
        <v>6.6598042472526403E-2</v>
      </c>
      <c r="T168" s="192">
        <v>0.84817916335787702</v>
      </c>
      <c r="U168" s="92">
        <v>8.5596247959719998E-2</v>
      </c>
      <c r="V168" s="192">
        <v>0</v>
      </c>
      <c r="W168" s="92">
        <v>3.6252631573966396E-2</v>
      </c>
      <c r="X168" s="190">
        <v>72</v>
      </c>
      <c r="Y168" s="173">
        <v>4.8933520925553093</v>
      </c>
      <c r="Z168" s="125">
        <v>0.47287779609291336</v>
      </c>
      <c r="AA168" s="192">
        <v>0.25516836593987086</v>
      </c>
      <c r="AB168" s="92">
        <v>0.10161878325005892</v>
      </c>
      <c r="AC168" s="192">
        <v>0.10170020362585966</v>
      </c>
      <c r="AD168" s="92">
        <v>7.525991914800359E-2</v>
      </c>
      <c r="AE168" s="192">
        <v>0.63298605010961639</v>
      </c>
      <c r="AF168" s="92">
        <v>0.11100671629233297</v>
      </c>
      <c r="AG168" s="192">
        <v>1.0145380324652731E-2</v>
      </c>
      <c r="AH168" s="92">
        <v>4.2696258026359887E-2</v>
      </c>
    </row>
    <row r="169" spans="1:34">
      <c r="A169" s="52" t="s">
        <v>544</v>
      </c>
      <c r="B169" s="189">
        <v>110</v>
      </c>
      <c r="C169" s="79">
        <v>4.4550313478798369</v>
      </c>
      <c r="D169" s="80">
        <v>0.39414893578090937</v>
      </c>
      <c r="E169" s="191">
        <v>0.31197907150977339</v>
      </c>
      <c r="F169" s="89">
        <v>8.7275615053684599E-2</v>
      </c>
      <c r="G169" s="191">
        <v>0.17490162509074511</v>
      </c>
      <c r="H169" s="89">
        <v>7.293296526586146E-2</v>
      </c>
      <c r="I169" s="191">
        <v>0.51311930339948153</v>
      </c>
      <c r="J169" s="89">
        <v>9.3628558827677552E-2</v>
      </c>
      <c r="K169" s="191">
        <v>0</v>
      </c>
      <c r="L169" s="89">
        <v>2.4592162949139032E-2</v>
      </c>
      <c r="M169" s="189">
        <v>110</v>
      </c>
      <c r="N169" s="79">
        <v>4.8850211238865793</v>
      </c>
      <c r="O169" s="80">
        <v>0.36408164396962339</v>
      </c>
      <c r="P169" s="191">
        <v>0.23181576069289464</v>
      </c>
      <c r="Q169" s="89">
        <v>8.0139325882381582E-2</v>
      </c>
      <c r="R169" s="191">
        <v>0.15958004612200041</v>
      </c>
      <c r="S169" s="89">
        <v>7.0612338138519457E-2</v>
      </c>
      <c r="T169" s="191">
        <v>0.60860419318510484</v>
      </c>
      <c r="U169" s="89">
        <v>9.1578423533382733E-2</v>
      </c>
      <c r="V169" s="191">
        <v>0</v>
      </c>
      <c r="W169" s="89">
        <v>2.4592162949139032E-2</v>
      </c>
      <c r="X169" s="189">
        <v>111</v>
      </c>
      <c r="Y169" s="79">
        <v>3.7946802707462597</v>
      </c>
      <c r="Z169" s="80">
        <v>0.33860997585418512</v>
      </c>
      <c r="AA169" s="191">
        <v>0.47577241154421818</v>
      </c>
      <c r="AB169" s="89">
        <v>9.3148436367181342E-2</v>
      </c>
      <c r="AC169" s="191">
        <v>0.13062924060383488</v>
      </c>
      <c r="AD169" s="89">
        <v>6.5379505591074999E-2</v>
      </c>
      <c r="AE169" s="191">
        <v>0.38065028434701093</v>
      </c>
      <c r="AF169" s="89">
        <v>9.0741740312405408E-2</v>
      </c>
      <c r="AG169" s="191">
        <v>1.2948063504935896E-2</v>
      </c>
      <c r="AH169" s="89">
        <v>3.1757586196745971E-2</v>
      </c>
    </row>
    <row r="170" spans="1:34">
      <c r="A170" s="44" t="s">
        <v>545</v>
      </c>
      <c r="B170" s="190">
        <v>104</v>
      </c>
      <c r="C170" s="173">
        <v>4.2009722847084978</v>
      </c>
      <c r="D170" s="125">
        <v>0.38177974547494553</v>
      </c>
      <c r="E170" s="192">
        <v>0.34981794861911308</v>
      </c>
      <c r="F170" s="92">
        <v>9.2112074848803904E-2</v>
      </c>
      <c r="G170" s="192">
        <v>0.15776526253852455</v>
      </c>
      <c r="H170" s="92">
        <v>7.236497442964121E-2</v>
      </c>
      <c r="I170" s="192">
        <v>0.45275511697762716</v>
      </c>
      <c r="J170" s="92">
        <v>9.5825883454310257E-2</v>
      </c>
      <c r="K170" s="192">
        <v>3.9661671864735543E-2</v>
      </c>
      <c r="L170" s="92">
        <v>4.4511785738282968E-2</v>
      </c>
      <c r="M170" s="190">
        <v>104</v>
      </c>
      <c r="N170" s="173">
        <v>4.8846970858300214</v>
      </c>
      <c r="O170" s="125">
        <v>0.36625555544597937</v>
      </c>
      <c r="P170" s="192">
        <v>0.25432576643264659</v>
      </c>
      <c r="Q170" s="92">
        <v>8.477250176091064E-2</v>
      </c>
      <c r="R170" s="192">
        <v>9.2902023727138516E-2</v>
      </c>
      <c r="S170" s="92">
        <v>5.9727810138314845E-2</v>
      </c>
      <c r="T170" s="192">
        <v>0.63294137390784766</v>
      </c>
      <c r="U170" s="92">
        <v>9.3017618630574408E-2</v>
      </c>
      <c r="V170" s="192">
        <v>1.9830835932367771E-2</v>
      </c>
      <c r="W170" s="92">
        <v>3.6616126744787772E-2</v>
      </c>
      <c r="X170" s="190">
        <v>104</v>
      </c>
      <c r="Y170" s="173">
        <v>3.9375192246000896</v>
      </c>
      <c r="Z170" s="125">
        <v>0.36732921328117141</v>
      </c>
      <c r="AA170" s="192">
        <v>0.42779090135087044</v>
      </c>
      <c r="AB170" s="92">
        <v>9.5289991550555272E-2</v>
      </c>
      <c r="AC170" s="192">
        <v>0.18978357203808421</v>
      </c>
      <c r="AD170" s="92">
        <v>7.7163179886759595E-2</v>
      </c>
      <c r="AE170" s="192">
        <v>0.35108581267511879</v>
      </c>
      <c r="AF170" s="92">
        <v>9.2182743356496386E-2</v>
      </c>
      <c r="AG170" s="192">
        <v>3.1339713935926952E-2</v>
      </c>
      <c r="AH170" s="92">
        <v>4.1421972867141429E-2</v>
      </c>
    </row>
    <row r="177" spans="1:32" ht="18.75">
      <c r="A177" s="282" t="s">
        <v>238</v>
      </c>
      <c r="B177" s="282"/>
      <c r="C177" s="282"/>
      <c r="D177" s="282"/>
      <c r="E177" s="282"/>
      <c r="F177" s="282"/>
      <c r="G177" s="282"/>
      <c r="H177" s="282"/>
      <c r="I177" s="282"/>
      <c r="J177" s="282"/>
      <c r="K177" s="282"/>
      <c r="L177" s="282"/>
      <c r="M177" s="222"/>
      <c r="N177" s="222"/>
      <c r="O177" s="222"/>
      <c r="P177" s="240"/>
      <c r="Q177" s="240"/>
      <c r="R177" s="240"/>
      <c r="S177" s="240"/>
      <c r="T177" s="240"/>
      <c r="U177" s="240"/>
      <c r="V177" s="240"/>
      <c r="W177" s="240"/>
      <c r="X177" s="240"/>
      <c r="Y177" s="240"/>
      <c r="Z177" s="240"/>
      <c r="AA177" s="240"/>
      <c r="AB177" s="240"/>
    </row>
    <row r="178" spans="1:32" ht="41.25" customHeight="1">
      <c r="A178" s="417" t="s">
        <v>603</v>
      </c>
      <c r="B178" s="417"/>
      <c r="C178" s="417"/>
      <c r="D178" s="417"/>
      <c r="E178" s="417"/>
      <c r="F178" s="417"/>
      <c r="G178" s="417"/>
      <c r="H178" s="417"/>
      <c r="I178" s="417"/>
      <c r="J178" s="417"/>
      <c r="K178" s="417"/>
      <c r="L178" s="417"/>
      <c r="M178" s="284"/>
      <c r="N178" s="228"/>
      <c r="O178" s="228"/>
      <c r="P178" s="240"/>
      <c r="Q178" s="240"/>
      <c r="R178" s="240"/>
      <c r="S178" s="240"/>
      <c r="T178" s="240"/>
      <c r="U178" s="240"/>
      <c r="V178" s="240"/>
      <c r="W178" s="240"/>
      <c r="X178" s="240"/>
      <c r="Y178" s="240"/>
      <c r="Z178" s="240"/>
      <c r="AA178" s="240"/>
      <c r="AB178" s="240"/>
    </row>
    <row r="179" spans="1:32" ht="36" customHeight="1">
      <c r="A179" s="59"/>
      <c r="B179" s="398" t="s">
        <v>239</v>
      </c>
      <c r="C179" s="399"/>
      <c r="D179" s="399"/>
      <c r="E179" s="399"/>
      <c r="F179" s="399"/>
      <c r="G179" s="399"/>
      <c r="H179" s="399"/>
      <c r="I179" s="399"/>
      <c r="J179" s="399"/>
      <c r="K179" s="399"/>
      <c r="L179" s="400"/>
      <c r="M179" s="240"/>
      <c r="N179" s="240"/>
      <c r="O179" s="240"/>
      <c r="P179" s="240"/>
      <c r="Q179" s="240"/>
      <c r="R179" s="240"/>
      <c r="S179" s="240"/>
      <c r="T179" s="240"/>
      <c r="U179" s="240"/>
      <c r="V179" s="240"/>
      <c r="W179" s="240"/>
      <c r="X179" s="240"/>
      <c r="Y179" s="240"/>
      <c r="Z179" s="240"/>
      <c r="AA179" s="240"/>
      <c r="AB179" s="240"/>
      <c r="AC179" s="240"/>
      <c r="AD179" s="240"/>
      <c r="AE179" s="240"/>
      <c r="AF179" s="240"/>
    </row>
    <row r="180" spans="1:32" ht="39.75" customHeight="1">
      <c r="A180" s="32" t="s">
        <v>71</v>
      </c>
      <c r="B180" s="33" t="s">
        <v>72</v>
      </c>
      <c r="C180" s="34" t="s">
        <v>584</v>
      </c>
      <c r="D180" s="35" t="s">
        <v>73</v>
      </c>
      <c r="E180" s="33" t="s">
        <v>312</v>
      </c>
      <c r="F180" s="84" t="s">
        <v>143</v>
      </c>
      <c r="G180" s="33" t="s">
        <v>313</v>
      </c>
      <c r="H180" s="84" t="s">
        <v>144</v>
      </c>
      <c r="I180" s="33" t="s">
        <v>314</v>
      </c>
      <c r="J180" s="84" t="s">
        <v>117</v>
      </c>
      <c r="K180" s="33" t="s">
        <v>301</v>
      </c>
      <c r="L180" s="84" t="s">
        <v>315</v>
      </c>
      <c r="M180" s="240"/>
      <c r="N180" s="240"/>
      <c r="O180" s="240"/>
      <c r="P180" s="240"/>
      <c r="Q180" s="240"/>
      <c r="R180" s="240"/>
      <c r="S180" s="240"/>
      <c r="T180" s="240"/>
      <c r="U180" s="240"/>
      <c r="V180" s="240"/>
      <c r="W180" s="240"/>
      <c r="X180" s="240"/>
      <c r="Y180" s="240"/>
      <c r="Z180" s="240"/>
      <c r="AA180" s="240"/>
      <c r="AB180" s="240"/>
      <c r="AC180" s="240"/>
      <c r="AD180" s="240"/>
      <c r="AE180" s="240"/>
      <c r="AF180" s="240"/>
    </row>
    <row r="181" spans="1:32" ht="72">
      <c r="A181" s="36"/>
      <c r="B181" s="37" t="s">
        <v>74</v>
      </c>
      <c r="C181" s="121" t="s">
        <v>304</v>
      </c>
      <c r="D181" s="39" t="s">
        <v>76</v>
      </c>
      <c r="E181" s="37" t="s">
        <v>159</v>
      </c>
      <c r="F181" s="86" t="s">
        <v>88</v>
      </c>
      <c r="G181" s="37" t="s">
        <v>160</v>
      </c>
      <c r="H181" s="86" t="s">
        <v>88</v>
      </c>
      <c r="I181" s="37" t="s">
        <v>161</v>
      </c>
      <c r="J181" s="86" t="s">
        <v>88</v>
      </c>
      <c r="K181" s="37" t="s">
        <v>301</v>
      </c>
      <c r="L181" s="86" t="s">
        <v>88</v>
      </c>
    </row>
    <row r="182" spans="1:32">
      <c r="A182" s="40" t="s">
        <v>350</v>
      </c>
      <c r="B182" s="193">
        <v>13838</v>
      </c>
      <c r="C182" s="79">
        <v>4.7531192671633828</v>
      </c>
      <c r="D182" s="80">
        <v>2.7919035805388397E-2</v>
      </c>
      <c r="E182" s="191">
        <v>0.19002045105263729</v>
      </c>
      <c r="F182" s="89">
        <v>6.6703112055608339E-3</v>
      </c>
      <c r="G182" s="191">
        <v>0.1840468065802596</v>
      </c>
      <c r="H182" s="89">
        <v>6.5888669336456353E-3</v>
      </c>
      <c r="I182" s="191">
        <v>0.57979952345395602</v>
      </c>
      <c r="J182" s="89">
        <v>8.3907551919310368E-3</v>
      </c>
      <c r="K182" s="191">
        <v>4.6133218913162459E-2</v>
      </c>
      <c r="L182" s="89">
        <v>3.5708197407605087E-3</v>
      </c>
    </row>
    <row r="183" spans="1:32">
      <c r="A183" s="44" t="s">
        <v>351</v>
      </c>
      <c r="B183" s="44">
        <v>10167</v>
      </c>
      <c r="C183" s="173">
        <v>4.5506508062160735</v>
      </c>
      <c r="D183" s="125">
        <v>3.3212653597497817E-2</v>
      </c>
      <c r="E183" s="192">
        <v>0.23948467955034444</v>
      </c>
      <c r="F183" s="92">
        <v>8.4645649693695091E-3</v>
      </c>
      <c r="G183" s="192">
        <v>0.17748811872500828</v>
      </c>
      <c r="H183" s="92">
        <v>7.5792378329316047E-3</v>
      </c>
      <c r="I183" s="192">
        <v>0.54233865221360755</v>
      </c>
      <c r="J183" s="92">
        <v>9.8799966681224032E-3</v>
      </c>
      <c r="K183" s="192">
        <v>4.0688549511036121E-2</v>
      </c>
      <c r="L183" s="92">
        <v>3.9263144682149921E-3</v>
      </c>
    </row>
    <row r="184" spans="1:32">
      <c r="A184" s="40" t="s">
        <v>352</v>
      </c>
      <c r="B184" s="48">
        <v>3671</v>
      </c>
      <c r="C184" s="79">
        <v>4.9204671233886801</v>
      </c>
      <c r="D184" s="80">
        <v>4.9751738154754886E-2</v>
      </c>
      <c r="E184" s="191">
        <v>0.14955824544207372</v>
      </c>
      <c r="F184" s="89">
        <v>1.1778350780796388E-2</v>
      </c>
      <c r="G184" s="191">
        <v>0.18941187512765661</v>
      </c>
      <c r="H184" s="89">
        <v>1.293604968490268E-2</v>
      </c>
      <c r="I184" s="191">
        <v>0.61044286957522487</v>
      </c>
      <c r="J184" s="89">
        <v>1.6089170254407308E-2</v>
      </c>
      <c r="K184" s="191">
        <v>5.0587009855044267E-2</v>
      </c>
      <c r="L184" s="89">
        <v>7.2631690039010729E-3</v>
      </c>
    </row>
    <row r="185" spans="1:32">
      <c r="A185" s="44" t="s">
        <v>534</v>
      </c>
      <c r="B185" s="44">
        <v>1691</v>
      </c>
      <c r="C185" s="173">
        <v>4.7910849170710881</v>
      </c>
      <c r="D185" s="125">
        <v>7.8197451180350902E-2</v>
      </c>
      <c r="E185" s="192">
        <v>0.17254380476826231</v>
      </c>
      <c r="F185" s="92">
        <v>1.838801275727351E-2</v>
      </c>
      <c r="G185" s="192">
        <v>0.19145039309943829</v>
      </c>
      <c r="H185" s="92">
        <v>1.9140588076566517E-2</v>
      </c>
      <c r="I185" s="192">
        <v>0.58255205373001684</v>
      </c>
      <c r="J185" s="92">
        <v>2.3957547750113956E-2</v>
      </c>
      <c r="K185" s="192">
        <v>5.3453748402282349E-2</v>
      </c>
      <c r="L185" s="92">
        <v>1.1028145533537126E-2</v>
      </c>
    </row>
    <row r="186" spans="1:32">
      <c r="A186" s="40" t="s">
        <v>535</v>
      </c>
      <c r="B186" s="48">
        <v>925</v>
      </c>
      <c r="C186" s="79">
        <v>4.6082395144030528</v>
      </c>
      <c r="D186" s="80">
        <v>0.11049104898579643</v>
      </c>
      <c r="E186" s="191">
        <v>0.20952486424838004</v>
      </c>
      <c r="F186" s="89">
        <v>2.6762860527581922E-2</v>
      </c>
      <c r="G186" s="191">
        <v>0.20546426573192772</v>
      </c>
      <c r="H186" s="89">
        <v>2.6572738197826122E-2</v>
      </c>
      <c r="I186" s="191">
        <v>0.54742716268817138</v>
      </c>
      <c r="J186" s="89">
        <v>3.2662279623277009E-2</v>
      </c>
      <c r="K186" s="191">
        <v>3.7583707331520944E-2</v>
      </c>
      <c r="L186" s="89">
        <v>1.2792721257335844E-2</v>
      </c>
    </row>
    <row r="187" spans="1:32">
      <c r="A187" s="44" t="s">
        <v>536</v>
      </c>
      <c r="B187" s="44">
        <v>197</v>
      </c>
      <c r="C187" s="173">
        <v>4.5178472737788349</v>
      </c>
      <c r="D187" s="125">
        <v>0.23865453311164697</v>
      </c>
      <c r="E187" s="192">
        <v>0.24843094211707775</v>
      </c>
      <c r="F187" s="92">
        <v>6.1362122400455341E-2</v>
      </c>
      <c r="G187" s="192">
        <v>0.18606363266592663</v>
      </c>
      <c r="H187" s="92">
        <v>5.5597622394783337E-2</v>
      </c>
      <c r="I187" s="192">
        <v>0.53468604224637606</v>
      </c>
      <c r="J187" s="92">
        <v>7.0371337368907605E-2</v>
      </c>
      <c r="K187" s="192">
        <v>3.0819382970618984E-2</v>
      </c>
      <c r="L187" s="92">
        <v>2.7695494680347141E-2</v>
      </c>
    </row>
    <row r="188" spans="1:32">
      <c r="A188" s="40" t="s">
        <v>537</v>
      </c>
      <c r="B188" s="48">
        <v>73</v>
      </c>
      <c r="C188" s="79">
        <v>4.2556801765513192</v>
      </c>
      <c r="D188" s="80">
        <v>0.38746656958907033</v>
      </c>
      <c r="E188" s="191">
        <v>0.31010551165007316</v>
      </c>
      <c r="F188" s="89">
        <v>0.10631715768531916</v>
      </c>
      <c r="G188" s="191">
        <v>0.18393111763329567</v>
      </c>
      <c r="H188" s="89">
        <v>9.1228283810766031E-2</v>
      </c>
      <c r="I188" s="191">
        <v>0.48939437416367026</v>
      </c>
      <c r="J188" s="89">
        <v>0.11393753205895539</v>
      </c>
      <c r="K188" s="191">
        <v>1.6568996552961086E-2</v>
      </c>
      <c r="L188" s="89">
        <v>4.5552813179974325E-2</v>
      </c>
    </row>
    <row r="189" spans="1:32">
      <c r="A189" s="44" t="s">
        <v>546</v>
      </c>
      <c r="B189" s="44">
        <v>774</v>
      </c>
      <c r="C189" s="173">
        <v>4.8720290672487359</v>
      </c>
      <c r="D189" s="125">
        <v>0.10695531237607132</v>
      </c>
      <c r="E189" s="192">
        <v>0.15635510464701244</v>
      </c>
      <c r="F189" s="92">
        <v>2.6161391123894921E-2</v>
      </c>
      <c r="G189" s="192">
        <v>0.18504901615252134</v>
      </c>
      <c r="H189" s="92">
        <v>2.7938902001562391E-2</v>
      </c>
      <c r="I189" s="192">
        <v>0.59861499623646919</v>
      </c>
      <c r="J189" s="92">
        <v>3.5154804518411811E-2</v>
      </c>
      <c r="K189" s="192">
        <v>5.9980882963998346E-2</v>
      </c>
      <c r="L189" s="92">
        <v>1.732332440957304E-2</v>
      </c>
    </row>
    <row r="190" spans="1:32">
      <c r="A190" s="40" t="s">
        <v>547</v>
      </c>
      <c r="B190" s="48">
        <v>127</v>
      </c>
      <c r="C190" s="79">
        <v>4.7980180492836428</v>
      </c>
      <c r="D190" s="80">
        <v>0.27831609042438116</v>
      </c>
      <c r="E190" s="191">
        <v>0.18431318614566533</v>
      </c>
      <c r="F190" s="89">
        <v>6.9091136710822218E-2</v>
      </c>
      <c r="G190" s="191">
        <v>0.13420319559652849</v>
      </c>
      <c r="H190" s="89">
        <v>6.159195481367314E-2</v>
      </c>
      <c r="I190" s="191">
        <v>0.59371956847603258</v>
      </c>
      <c r="J190" s="89">
        <v>8.5915783653557912E-2</v>
      </c>
      <c r="K190" s="191">
        <v>8.7764049781774281E-2</v>
      </c>
      <c r="L190" s="89">
        <v>5.2504017191379135E-2</v>
      </c>
    </row>
    <row r="191" spans="1:32">
      <c r="A191" s="44" t="s">
        <v>548</v>
      </c>
      <c r="B191" s="44">
        <v>99</v>
      </c>
      <c r="C191" s="173">
        <v>4.575368145796431</v>
      </c>
      <c r="D191" s="125">
        <v>0.3074183333970355</v>
      </c>
      <c r="E191" s="192">
        <v>0.16126979683316134</v>
      </c>
      <c r="F191" s="92">
        <v>7.478136617936873E-2</v>
      </c>
      <c r="G191" s="192">
        <v>0.30439158656707382</v>
      </c>
      <c r="H191" s="92">
        <v>9.1301591148145844E-2</v>
      </c>
      <c r="I191" s="192">
        <v>0.4656289780299836</v>
      </c>
      <c r="J191" s="92">
        <v>9.8317616439965033E-2</v>
      </c>
      <c r="K191" s="192">
        <v>6.8709638569780795E-2</v>
      </c>
      <c r="L191" s="92">
        <v>5.5092358796429215E-2</v>
      </c>
    </row>
    <row r="192" spans="1:32">
      <c r="A192" s="40" t="s">
        <v>538</v>
      </c>
      <c r="B192" s="193">
        <v>125</v>
      </c>
      <c r="C192" s="79">
        <v>4.6882521460982787</v>
      </c>
      <c r="D192" s="80">
        <v>0.27366092173295936</v>
      </c>
      <c r="E192" s="191">
        <v>0.14471556468411684</v>
      </c>
      <c r="F192" s="89">
        <v>6.385051292818715E-2</v>
      </c>
      <c r="G192" s="191">
        <v>0.28958517910069642</v>
      </c>
      <c r="H192" s="89">
        <v>8.0392203948921312E-2</v>
      </c>
      <c r="I192" s="191">
        <v>0.54129905397699507</v>
      </c>
      <c r="J192" s="89">
        <v>8.7762633111981486E-2</v>
      </c>
      <c r="K192" s="191">
        <v>2.4400202238192562E-2</v>
      </c>
      <c r="L192" s="89">
        <v>3.4151943833465752E-2</v>
      </c>
    </row>
    <row r="193" spans="1:45">
      <c r="A193" s="44" t="s">
        <v>539</v>
      </c>
      <c r="B193" s="194">
        <v>96</v>
      </c>
      <c r="C193" s="173">
        <v>4.6395648526107642</v>
      </c>
      <c r="D193" s="125">
        <v>0.3254168373506795</v>
      </c>
      <c r="E193" s="192">
        <v>0.16011436298983842</v>
      </c>
      <c r="F193" s="92">
        <v>7.5771946750725017E-2</v>
      </c>
      <c r="G193" s="192">
        <v>0.27858679372175293</v>
      </c>
      <c r="H193" s="92">
        <v>9.0514011871328834E-2</v>
      </c>
      <c r="I193" s="192">
        <v>0.53940382607403858</v>
      </c>
      <c r="J193" s="92">
        <v>9.9713402740665494E-2</v>
      </c>
      <c r="K193" s="192">
        <v>2.1895017214369782E-2</v>
      </c>
      <c r="L193" s="92">
        <v>3.9666933534824665E-2</v>
      </c>
    </row>
    <row r="194" spans="1:45">
      <c r="A194" s="40" t="s">
        <v>540</v>
      </c>
      <c r="B194" s="49">
        <v>263</v>
      </c>
      <c r="C194" s="79">
        <v>4.9662766712978303</v>
      </c>
      <c r="D194" s="80">
        <v>0.2064416508894141</v>
      </c>
      <c r="E194" s="191">
        <v>0.15448396729893812</v>
      </c>
      <c r="F194" s="89">
        <v>4.4833248434868252E-2</v>
      </c>
      <c r="G194" s="191">
        <v>0.14306550510603189</v>
      </c>
      <c r="H194" s="89">
        <v>4.3513563733544182E-2</v>
      </c>
      <c r="I194" s="191">
        <v>0.67422521517248124</v>
      </c>
      <c r="J194" s="89">
        <v>5.7481246913324312E-2</v>
      </c>
      <c r="K194" s="191">
        <v>2.8225312422547146E-2</v>
      </c>
      <c r="L194" s="89">
        <v>2.2584836395658472E-2</v>
      </c>
    </row>
    <row r="195" spans="1:45" ht="25.5">
      <c r="A195" s="44" t="s">
        <v>541</v>
      </c>
      <c r="B195" s="194">
        <v>114</v>
      </c>
      <c r="C195" s="173">
        <v>5.1159773384463998</v>
      </c>
      <c r="D195" s="125">
        <v>0.2847637822945982</v>
      </c>
      <c r="E195" s="192">
        <v>0.13279429573080306</v>
      </c>
      <c r="F195" s="92">
        <v>6.4871900797295781E-2</v>
      </c>
      <c r="G195" s="192">
        <v>0.11151451696692867</v>
      </c>
      <c r="H195" s="92">
        <v>6.0824152520992325E-2</v>
      </c>
      <c r="I195" s="192">
        <v>0.71003146369325532</v>
      </c>
      <c r="J195" s="92">
        <v>8.413605214281912E-2</v>
      </c>
      <c r="K195" s="192">
        <v>4.5659723609013617E-2</v>
      </c>
      <c r="L195" s="92">
        <v>4.4084907418344761E-2</v>
      </c>
    </row>
    <row r="196" spans="1:45" ht="25.5">
      <c r="A196" s="52" t="s">
        <v>549</v>
      </c>
      <c r="B196" s="193">
        <v>68</v>
      </c>
      <c r="C196" s="79">
        <v>4.6033162087399528</v>
      </c>
      <c r="D196" s="80">
        <v>0.44012287097515645</v>
      </c>
      <c r="E196" s="191">
        <v>0.23146059131682301</v>
      </c>
      <c r="F196" s="89">
        <v>0.10156459774611203</v>
      </c>
      <c r="G196" s="191">
        <v>0.1985319313922789</v>
      </c>
      <c r="H196" s="89">
        <v>9.6877531865024791E-2</v>
      </c>
      <c r="I196" s="191">
        <v>0.55167695754175416</v>
      </c>
      <c r="J196" s="89">
        <v>0.11728833721865359</v>
      </c>
      <c r="K196" s="191">
        <v>1.8330519749144167E-2</v>
      </c>
      <c r="L196" s="89">
        <v>4.8908550179332634E-2</v>
      </c>
    </row>
    <row r="197" spans="1:45">
      <c r="A197" s="44" t="s">
        <v>543</v>
      </c>
      <c r="B197" s="194">
        <v>81</v>
      </c>
      <c r="C197" s="173">
        <v>5.0059297492884873</v>
      </c>
      <c r="D197" s="125">
        <v>0.36927809589090932</v>
      </c>
      <c r="E197" s="192">
        <v>0.13352441935177156</v>
      </c>
      <c r="F197" s="92">
        <v>7.762311266284827E-2</v>
      </c>
      <c r="G197" s="192">
        <v>0.14963279766664242</v>
      </c>
      <c r="H197" s="92">
        <v>8.0739112275804936E-2</v>
      </c>
      <c r="I197" s="192">
        <v>0.70585676582779788</v>
      </c>
      <c r="J197" s="92">
        <v>9.9768572434986796E-2</v>
      </c>
      <c r="K197" s="192">
        <v>1.0986017153788058E-2</v>
      </c>
      <c r="L197" s="92">
        <v>3.9313249352866078E-2</v>
      </c>
    </row>
    <row r="198" spans="1:45">
      <c r="A198" s="52" t="s">
        <v>544</v>
      </c>
      <c r="B198" s="193">
        <v>112</v>
      </c>
      <c r="C198" s="79">
        <v>4.622730038722505</v>
      </c>
      <c r="D198" s="80">
        <v>0.3376343324149535</v>
      </c>
      <c r="E198" s="191">
        <v>0.22739674359062587</v>
      </c>
      <c r="F198" s="89">
        <v>7.8942166724076446E-2</v>
      </c>
      <c r="G198" s="191">
        <v>0.18496593086037549</v>
      </c>
      <c r="H198" s="89">
        <v>7.3690898935085333E-2</v>
      </c>
      <c r="I198" s="191">
        <v>0.55585576918643331</v>
      </c>
      <c r="J198" s="89">
        <v>9.2306010297760838E-2</v>
      </c>
      <c r="K198" s="191">
        <v>3.1781556362565203E-2</v>
      </c>
      <c r="L198" s="89">
        <v>3.9666723957588503E-2</v>
      </c>
    </row>
    <row r="199" spans="1:45">
      <c r="A199" s="44" t="s">
        <v>545</v>
      </c>
      <c r="B199" s="194">
        <v>121</v>
      </c>
      <c r="C199" s="173">
        <v>4.3371140838468794</v>
      </c>
      <c r="D199" s="125">
        <v>0.33450074050876683</v>
      </c>
      <c r="E199" s="192">
        <v>0.28385780746074735</v>
      </c>
      <c r="F199" s="92">
        <v>8.1235387475462134E-2</v>
      </c>
      <c r="G199" s="192">
        <v>0.16384853899013127</v>
      </c>
      <c r="H199" s="92">
        <v>6.7910139451997198E-2</v>
      </c>
      <c r="I199" s="192">
        <v>0.50272199755051217</v>
      </c>
      <c r="J199" s="92">
        <v>8.9441477149799248E-2</v>
      </c>
      <c r="K199" s="192">
        <v>4.9571655998609604E-2</v>
      </c>
      <c r="L199" s="92">
        <v>4.3778071708127413E-2</v>
      </c>
    </row>
    <row r="200" spans="1:45">
      <c r="P200" s="240"/>
      <c r="Q200" s="240"/>
      <c r="R200" s="240"/>
      <c r="S200" s="240"/>
      <c r="T200" s="240"/>
      <c r="U200" s="240"/>
      <c r="V200" s="240"/>
      <c r="W200" s="240"/>
      <c r="X200" s="240"/>
      <c r="Y200" s="240"/>
      <c r="Z200" s="240"/>
      <c r="AA200" s="240"/>
      <c r="AB200" s="240"/>
      <c r="AC200" s="240"/>
      <c r="AD200" s="240"/>
      <c r="AE200" s="240"/>
      <c r="AF200" s="240"/>
      <c r="AG200" s="240"/>
      <c r="AH200" s="240"/>
      <c r="AI200" s="240"/>
      <c r="AJ200" s="240"/>
      <c r="AK200" s="240"/>
      <c r="AL200" s="240"/>
      <c r="AM200" s="240"/>
      <c r="AN200" s="240"/>
      <c r="AO200" s="240"/>
      <c r="AP200" s="240"/>
      <c r="AQ200" s="240"/>
      <c r="AR200" s="240"/>
      <c r="AS200" s="240"/>
    </row>
    <row r="201" spans="1:45">
      <c r="P201" s="240"/>
      <c r="Q201" s="240"/>
      <c r="R201" s="240"/>
      <c r="S201" s="240"/>
      <c r="T201" s="240"/>
      <c r="U201" s="240"/>
      <c r="V201" s="240"/>
      <c r="W201" s="240"/>
      <c r="X201" s="240"/>
      <c r="Y201" s="240"/>
      <c r="Z201" s="240"/>
      <c r="AA201" s="240"/>
      <c r="AB201" s="240"/>
      <c r="AC201" s="240"/>
      <c r="AD201" s="240"/>
      <c r="AE201" s="240"/>
      <c r="AF201" s="240"/>
      <c r="AG201" s="240"/>
      <c r="AH201" s="240"/>
      <c r="AI201" s="240"/>
      <c r="AJ201" s="240"/>
      <c r="AK201" s="240"/>
      <c r="AL201" s="240"/>
      <c r="AM201" s="240"/>
      <c r="AN201" s="240"/>
      <c r="AO201" s="240"/>
      <c r="AP201" s="240"/>
      <c r="AQ201" s="240"/>
      <c r="AR201" s="240"/>
      <c r="AS201" s="240"/>
    </row>
    <row r="202" spans="1:45">
      <c r="P202" s="240"/>
      <c r="Q202" s="240"/>
      <c r="R202" s="240"/>
      <c r="S202" s="240"/>
      <c r="T202" s="240"/>
      <c r="U202" s="240"/>
      <c r="V202" s="240"/>
      <c r="W202" s="240"/>
      <c r="X202" s="240"/>
      <c r="Y202" s="240"/>
      <c r="Z202" s="240"/>
      <c r="AA202" s="240"/>
      <c r="AB202" s="240"/>
      <c r="AC202" s="240"/>
      <c r="AD202" s="240"/>
      <c r="AE202" s="240"/>
      <c r="AF202" s="240"/>
      <c r="AG202" s="240"/>
      <c r="AH202" s="240"/>
      <c r="AI202" s="240"/>
      <c r="AJ202" s="240"/>
      <c r="AK202" s="240"/>
      <c r="AL202" s="240"/>
      <c r="AM202" s="240"/>
      <c r="AN202" s="240"/>
      <c r="AO202" s="240"/>
      <c r="AP202" s="240"/>
      <c r="AQ202" s="240"/>
      <c r="AR202" s="240"/>
      <c r="AS202" s="240"/>
    </row>
    <row r="203" spans="1:45">
      <c r="P203" s="240"/>
      <c r="Q203" s="240"/>
      <c r="R203" s="240"/>
      <c r="S203" s="240"/>
      <c r="T203" s="240"/>
      <c r="U203" s="240"/>
      <c r="V203" s="240"/>
      <c r="W203" s="240"/>
      <c r="X203" s="240"/>
      <c r="Y203" s="240"/>
      <c r="Z203" s="240"/>
      <c r="AA203" s="240"/>
      <c r="AB203" s="240"/>
      <c r="AC203" s="240"/>
      <c r="AD203" s="240"/>
      <c r="AE203" s="240"/>
      <c r="AF203" s="240"/>
      <c r="AG203" s="240"/>
      <c r="AH203" s="240"/>
      <c r="AI203" s="240"/>
      <c r="AJ203" s="240"/>
      <c r="AK203" s="240"/>
      <c r="AL203" s="240"/>
      <c r="AM203" s="240"/>
      <c r="AN203" s="240"/>
      <c r="AO203" s="240"/>
      <c r="AP203" s="240"/>
      <c r="AQ203" s="240"/>
      <c r="AR203" s="240"/>
      <c r="AS203" s="240"/>
    </row>
    <row r="204" spans="1:45">
      <c r="P204" s="240"/>
      <c r="Q204" s="240"/>
      <c r="R204" s="240"/>
      <c r="S204" s="240"/>
      <c r="T204" s="240"/>
      <c r="U204" s="240"/>
      <c r="V204" s="240"/>
      <c r="W204" s="240"/>
      <c r="X204" s="240"/>
      <c r="Y204" s="240"/>
      <c r="Z204" s="240"/>
      <c r="AA204" s="240"/>
      <c r="AB204" s="240"/>
      <c r="AC204" s="240"/>
      <c r="AD204" s="240"/>
      <c r="AE204" s="240"/>
      <c r="AF204" s="240"/>
      <c r="AG204" s="240"/>
      <c r="AH204" s="240"/>
      <c r="AI204" s="240"/>
      <c r="AJ204" s="240"/>
      <c r="AK204" s="240"/>
      <c r="AL204" s="240"/>
      <c r="AM204" s="240"/>
      <c r="AN204" s="240"/>
      <c r="AO204" s="240"/>
      <c r="AP204" s="240"/>
      <c r="AQ204" s="240"/>
      <c r="AR204" s="240"/>
      <c r="AS204" s="240"/>
    </row>
    <row r="205" spans="1:45">
      <c r="P205" s="240"/>
      <c r="Q205" s="240"/>
      <c r="R205" s="240"/>
      <c r="S205" s="240"/>
      <c r="T205" s="240"/>
      <c r="U205" s="240"/>
      <c r="V205" s="240"/>
      <c r="W205" s="240"/>
      <c r="X205" s="240"/>
      <c r="Y205" s="240"/>
      <c r="Z205" s="240"/>
      <c r="AA205" s="240"/>
      <c r="AB205" s="240"/>
      <c r="AC205" s="240"/>
      <c r="AD205" s="240"/>
      <c r="AE205" s="240"/>
      <c r="AF205" s="240"/>
      <c r="AG205" s="240"/>
      <c r="AH205" s="240"/>
      <c r="AI205" s="240"/>
      <c r="AJ205" s="240"/>
      <c r="AK205" s="240"/>
      <c r="AL205" s="240"/>
      <c r="AM205" s="240"/>
      <c r="AN205" s="240"/>
      <c r="AO205" s="240"/>
      <c r="AP205" s="240"/>
      <c r="AQ205" s="240"/>
      <c r="AR205" s="240"/>
      <c r="AS205" s="240"/>
    </row>
    <row r="206" spans="1:45" ht="18.75">
      <c r="A206" s="416" t="s">
        <v>423</v>
      </c>
      <c r="B206" s="416"/>
      <c r="C206" s="416"/>
      <c r="D206" s="416"/>
      <c r="P206" s="240"/>
      <c r="Q206" s="240"/>
      <c r="R206" s="240"/>
      <c r="S206" s="240"/>
      <c r="T206" s="240"/>
      <c r="U206" s="240"/>
      <c r="V206" s="240"/>
      <c r="W206" s="240"/>
      <c r="X206" s="240"/>
      <c r="Y206" s="240"/>
      <c r="Z206" s="240"/>
      <c r="AA206" s="240"/>
      <c r="AB206" s="240"/>
      <c r="AC206" s="240"/>
      <c r="AD206" s="240"/>
      <c r="AE206" s="240"/>
      <c r="AF206" s="240"/>
      <c r="AG206" s="240"/>
      <c r="AH206" s="240"/>
      <c r="AI206" s="240"/>
      <c r="AJ206" s="240"/>
      <c r="AK206" s="240"/>
      <c r="AL206" s="240"/>
      <c r="AM206" s="240"/>
      <c r="AN206" s="240"/>
      <c r="AO206" s="240"/>
      <c r="AP206" s="240"/>
      <c r="AQ206" s="240"/>
      <c r="AR206" s="240"/>
      <c r="AS206" s="240"/>
    </row>
    <row r="207" spans="1:45" ht="114.75" customHeight="1">
      <c r="A207" s="418" t="s">
        <v>424</v>
      </c>
      <c r="B207" s="418"/>
      <c r="C207" s="418"/>
      <c r="D207" s="418"/>
      <c r="P207" s="240"/>
      <c r="Q207" s="240"/>
      <c r="R207" s="240"/>
      <c r="S207" s="240"/>
      <c r="T207" s="240"/>
      <c r="U207" s="240"/>
      <c r="V207" s="240"/>
      <c r="W207" s="240"/>
      <c r="X207" s="240"/>
      <c r="Y207" s="240"/>
      <c r="Z207" s="240"/>
      <c r="AA207" s="240"/>
      <c r="AB207" s="240"/>
      <c r="AC207" s="240"/>
      <c r="AD207" s="240"/>
      <c r="AE207" s="240"/>
      <c r="AF207" s="240"/>
      <c r="AG207" s="240"/>
      <c r="AH207" s="240"/>
      <c r="AI207" s="240"/>
      <c r="AJ207" s="240"/>
      <c r="AK207" s="240"/>
      <c r="AL207" s="240"/>
      <c r="AM207" s="240"/>
      <c r="AN207" s="240"/>
      <c r="AO207" s="240"/>
      <c r="AP207" s="240"/>
      <c r="AQ207" s="240"/>
      <c r="AR207" s="240"/>
      <c r="AS207" s="240"/>
    </row>
    <row r="208" spans="1:45" ht="51.75" customHeight="1">
      <c r="A208" s="402" t="s">
        <v>425</v>
      </c>
      <c r="B208" s="402"/>
      <c r="C208" s="402"/>
      <c r="D208" s="402"/>
      <c r="P208" s="240"/>
      <c r="Q208" s="240"/>
      <c r="R208" s="240"/>
      <c r="S208" s="240"/>
      <c r="T208" s="240"/>
      <c r="U208" s="240"/>
      <c r="V208" s="240"/>
      <c r="W208" s="240"/>
      <c r="X208" s="240"/>
      <c r="Y208" s="240"/>
      <c r="Z208" s="240"/>
      <c r="AA208" s="240"/>
      <c r="AB208" s="240"/>
      <c r="AC208" s="240"/>
      <c r="AD208" s="240"/>
      <c r="AE208" s="240"/>
      <c r="AF208" s="240"/>
      <c r="AG208" s="240"/>
      <c r="AH208" s="240"/>
      <c r="AI208" s="240"/>
      <c r="AJ208" s="240"/>
      <c r="AK208" s="240"/>
      <c r="AL208" s="240"/>
      <c r="AM208" s="240"/>
      <c r="AN208" s="240"/>
      <c r="AO208" s="240"/>
      <c r="AP208" s="240"/>
      <c r="AQ208" s="240"/>
      <c r="AR208" s="240"/>
      <c r="AS208" s="240"/>
    </row>
    <row r="209" spans="1:45" ht="72">
      <c r="A209" s="32" t="s">
        <v>71</v>
      </c>
      <c r="B209" s="33" t="s">
        <v>72</v>
      </c>
      <c r="C209" s="34" t="s">
        <v>584</v>
      </c>
      <c r="D209" s="35" t="s">
        <v>73</v>
      </c>
      <c r="P209" s="240"/>
      <c r="Q209" s="240"/>
      <c r="R209" s="240"/>
      <c r="S209" s="240"/>
      <c r="T209" s="240"/>
      <c r="U209" s="240"/>
      <c r="V209" s="240"/>
      <c r="W209" s="240"/>
      <c r="X209" s="240"/>
      <c r="Y209" s="240"/>
      <c r="Z209" s="240"/>
      <c r="AA209" s="240"/>
      <c r="AB209" s="240"/>
      <c r="AC209" s="240"/>
      <c r="AD209" s="240"/>
      <c r="AE209" s="240"/>
      <c r="AF209" s="240"/>
      <c r="AG209" s="240"/>
      <c r="AH209" s="240"/>
      <c r="AI209" s="240"/>
      <c r="AJ209" s="240"/>
      <c r="AK209" s="240"/>
      <c r="AL209" s="240"/>
      <c r="AM209" s="240"/>
      <c r="AN209" s="240"/>
      <c r="AO209" s="240"/>
      <c r="AP209" s="240"/>
      <c r="AQ209" s="240"/>
      <c r="AR209" s="240"/>
      <c r="AS209" s="240"/>
    </row>
    <row r="210" spans="1:45" ht="72">
      <c r="A210" s="36"/>
      <c r="B210" s="37" t="s">
        <v>74</v>
      </c>
      <c r="C210" s="121" t="s">
        <v>304</v>
      </c>
      <c r="D210" s="39" t="s">
        <v>76</v>
      </c>
      <c r="P210" s="240"/>
      <c r="Q210" s="240"/>
      <c r="R210" s="240"/>
      <c r="S210" s="240"/>
      <c r="T210" s="240"/>
      <c r="U210" s="240"/>
      <c r="V210" s="240"/>
      <c r="W210" s="240"/>
      <c r="X210" s="240"/>
      <c r="Y210" s="240"/>
      <c r="Z210" s="240"/>
      <c r="AA210" s="240"/>
      <c r="AB210" s="240"/>
      <c r="AC210" s="240"/>
      <c r="AD210" s="240"/>
      <c r="AE210" s="240"/>
      <c r="AF210" s="240"/>
      <c r="AG210" s="240"/>
      <c r="AH210" s="240"/>
      <c r="AI210" s="240"/>
      <c r="AJ210" s="240"/>
      <c r="AK210" s="240"/>
      <c r="AL210" s="240"/>
      <c r="AM210" s="240"/>
      <c r="AN210" s="240"/>
      <c r="AO210" s="240"/>
      <c r="AP210" s="240"/>
      <c r="AQ210" s="240"/>
      <c r="AR210" s="240"/>
      <c r="AS210" s="240"/>
    </row>
    <row r="211" spans="1:45">
      <c r="A211" s="40" t="s">
        <v>350</v>
      </c>
      <c r="B211" s="193">
        <v>12593</v>
      </c>
      <c r="C211" s="79">
        <v>5.1060011985267124</v>
      </c>
      <c r="D211" s="80">
        <v>2.7925078840023133E-2</v>
      </c>
      <c r="P211" s="240"/>
      <c r="Q211" s="240"/>
      <c r="R211" s="240"/>
      <c r="S211" s="240"/>
      <c r="T211" s="240"/>
      <c r="U211" s="240"/>
      <c r="V211" s="240"/>
      <c r="W211" s="240"/>
      <c r="X211" s="240"/>
      <c r="Y211" s="240"/>
      <c r="Z211" s="240"/>
      <c r="AA211" s="240"/>
      <c r="AB211" s="240"/>
      <c r="AC211" s="240"/>
      <c r="AD211" s="240"/>
      <c r="AE211" s="240"/>
      <c r="AF211" s="240"/>
      <c r="AG211" s="240"/>
      <c r="AH211" s="240"/>
      <c r="AI211" s="240"/>
      <c r="AJ211" s="240"/>
      <c r="AK211" s="240"/>
      <c r="AL211" s="240"/>
      <c r="AM211" s="240"/>
      <c r="AN211" s="240"/>
      <c r="AO211" s="240"/>
      <c r="AP211" s="240"/>
      <c r="AQ211" s="240"/>
      <c r="AR211" s="240"/>
      <c r="AS211" s="240"/>
    </row>
    <row r="212" spans="1:45">
      <c r="A212" s="44" t="s">
        <v>351</v>
      </c>
      <c r="B212" s="44">
        <v>9432</v>
      </c>
      <c r="C212" s="173">
        <v>4.9040010505054754</v>
      </c>
      <c r="D212" s="125">
        <v>3.3560466122883263E-2</v>
      </c>
      <c r="P212" s="240"/>
      <c r="Q212" s="240"/>
      <c r="R212" s="240"/>
      <c r="S212" s="240"/>
      <c r="T212" s="240"/>
      <c r="U212" s="240"/>
      <c r="V212" s="240"/>
      <c r="W212" s="240"/>
      <c r="X212" s="240"/>
      <c r="Y212" s="240"/>
      <c r="Z212" s="240"/>
      <c r="AA212" s="240"/>
      <c r="AB212" s="240"/>
      <c r="AC212" s="240"/>
      <c r="AD212" s="240"/>
      <c r="AE212" s="240"/>
      <c r="AF212" s="240"/>
      <c r="AG212" s="240"/>
      <c r="AH212" s="240"/>
      <c r="AI212" s="240"/>
      <c r="AJ212" s="240"/>
      <c r="AK212" s="240"/>
      <c r="AL212" s="240"/>
      <c r="AM212" s="240"/>
      <c r="AN212" s="240"/>
      <c r="AO212" s="240"/>
      <c r="AP212" s="240"/>
      <c r="AQ212" s="240"/>
      <c r="AR212" s="240"/>
      <c r="AS212" s="240"/>
    </row>
    <row r="213" spans="1:45">
      <c r="A213" s="40" t="s">
        <v>352</v>
      </c>
      <c r="B213" s="48">
        <v>3161</v>
      </c>
      <c r="C213" s="79">
        <v>5.2769408652534873</v>
      </c>
      <c r="D213" s="80">
        <v>4.6376554682555408E-2</v>
      </c>
      <c r="P213" s="240"/>
      <c r="Q213" s="240"/>
      <c r="R213" s="240"/>
      <c r="S213" s="240"/>
      <c r="T213" s="240"/>
      <c r="U213" s="240"/>
      <c r="V213" s="240"/>
      <c r="W213" s="240"/>
      <c r="X213" s="240"/>
      <c r="Y213" s="240"/>
      <c r="Z213" s="240"/>
      <c r="AA213" s="240"/>
      <c r="AB213" s="240"/>
      <c r="AC213" s="240"/>
      <c r="AD213" s="240"/>
      <c r="AE213" s="240"/>
      <c r="AF213" s="240"/>
      <c r="AG213" s="240"/>
      <c r="AH213" s="240"/>
      <c r="AI213" s="240"/>
      <c r="AJ213" s="240"/>
      <c r="AK213" s="240"/>
      <c r="AL213" s="240"/>
      <c r="AM213" s="240"/>
      <c r="AN213" s="240"/>
      <c r="AO213" s="240"/>
      <c r="AP213" s="240"/>
      <c r="AQ213" s="240"/>
      <c r="AR213" s="240"/>
      <c r="AS213" s="240"/>
    </row>
    <row r="214" spans="1:45">
      <c r="A214" s="44" t="s">
        <v>534</v>
      </c>
      <c r="B214" s="44">
        <v>1519</v>
      </c>
      <c r="C214" s="173">
        <v>4.9806694697028444</v>
      </c>
      <c r="D214" s="125">
        <v>8.0668631885730938E-2</v>
      </c>
      <c r="P214" s="240"/>
      <c r="Q214" s="240"/>
      <c r="R214" s="240"/>
      <c r="S214" s="240"/>
      <c r="T214" s="240"/>
      <c r="U214" s="240"/>
      <c r="V214" s="240"/>
      <c r="W214" s="240"/>
      <c r="X214" s="240"/>
      <c r="Y214" s="240"/>
      <c r="Z214" s="240"/>
      <c r="AA214" s="240"/>
      <c r="AB214" s="240"/>
      <c r="AC214" s="240"/>
      <c r="AD214" s="240"/>
      <c r="AE214" s="240"/>
      <c r="AF214" s="240"/>
      <c r="AG214" s="240"/>
      <c r="AH214" s="240"/>
      <c r="AI214" s="240"/>
      <c r="AJ214" s="240"/>
      <c r="AK214" s="240"/>
      <c r="AL214" s="240"/>
      <c r="AM214" s="240"/>
      <c r="AN214" s="240"/>
      <c r="AO214" s="240"/>
      <c r="AP214" s="240"/>
      <c r="AQ214" s="240"/>
      <c r="AR214" s="240"/>
      <c r="AS214" s="240"/>
    </row>
    <row r="215" spans="1:45">
      <c r="A215" s="40" t="s">
        <v>535</v>
      </c>
      <c r="B215" s="48">
        <v>868</v>
      </c>
      <c r="C215" s="79">
        <v>4.6302535136192375</v>
      </c>
      <c r="D215" s="80">
        <v>0.11600830096069252</v>
      </c>
      <c r="P215" s="240"/>
      <c r="Q215" s="240"/>
      <c r="R215" s="240"/>
      <c r="S215" s="240"/>
      <c r="T215" s="240"/>
      <c r="U215" s="240"/>
      <c r="V215" s="240"/>
      <c r="W215" s="240"/>
      <c r="X215" s="240"/>
      <c r="Y215" s="240"/>
      <c r="Z215" s="240"/>
      <c r="AA215" s="240"/>
      <c r="AB215" s="240"/>
      <c r="AC215" s="240"/>
      <c r="AD215" s="240"/>
      <c r="AE215" s="240"/>
      <c r="AF215" s="240"/>
      <c r="AG215" s="240"/>
      <c r="AH215" s="240"/>
      <c r="AI215" s="240"/>
      <c r="AJ215" s="240"/>
      <c r="AK215" s="240"/>
      <c r="AL215" s="240"/>
      <c r="AM215" s="240"/>
      <c r="AN215" s="240"/>
      <c r="AO215" s="240"/>
      <c r="AP215" s="240"/>
      <c r="AQ215" s="240"/>
      <c r="AR215" s="240"/>
      <c r="AS215" s="240"/>
    </row>
    <row r="216" spans="1:45">
      <c r="A216" s="44" t="s">
        <v>536</v>
      </c>
      <c r="B216" s="44">
        <v>183</v>
      </c>
      <c r="C216" s="173">
        <v>4.5205797909416612</v>
      </c>
      <c r="D216" s="125">
        <v>0.25449374292932475</v>
      </c>
      <c r="P216" s="240"/>
      <c r="Q216" s="240"/>
      <c r="R216" s="240"/>
      <c r="S216" s="240"/>
      <c r="T216" s="240"/>
      <c r="U216" s="240"/>
      <c r="V216" s="240"/>
      <c r="W216" s="240"/>
      <c r="X216" s="240"/>
      <c r="Y216" s="240"/>
      <c r="Z216" s="240"/>
      <c r="AA216" s="240"/>
      <c r="AB216" s="240"/>
      <c r="AC216" s="240"/>
      <c r="AD216" s="240"/>
      <c r="AE216" s="240"/>
      <c r="AF216" s="240"/>
      <c r="AG216" s="240"/>
      <c r="AH216" s="240"/>
      <c r="AI216" s="240"/>
      <c r="AJ216" s="240"/>
      <c r="AK216" s="240"/>
      <c r="AL216" s="240"/>
      <c r="AM216" s="240"/>
      <c r="AN216" s="240"/>
      <c r="AO216" s="240"/>
      <c r="AP216" s="240"/>
      <c r="AQ216" s="240"/>
      <c r="AR216" s="240"/>
      <c r="AS216" s="240"/>
    </row>
    <row r="217" spans="1:45">
      <c r="A217" s="40" t="s">
        <v>537</v>
      </c>
      <c r="B217" s="48">
        <v>67</v>
      </c>
      <c r="C217" s="79">
        <v>3.6618018798502843</v>
      </c>
      <c r="D217" s="80">
        <v>0.39003589979928227</v>
      </c>
      <c r="P217" s="240"/>
      <c r="Q217" s="240"/>
      <c r="R217" s="240"/>
      <c r="S217" s="240"/>
      <c r="T217" s="240"/>
      <c r="U217" s="240"/>
      <c r="V217" s="240"/>
      <c r="W217" s="240"/>
      <c r="X217" s="240"/>
      <c r="Y217" s="240"/>
      <c r="Z217" s="240"/>
      <c r="AA217" s="240"/>
      <c r="AB217" s="240"/>
      <c r="AC217" s="240"/>
      <c r="AD217" s="240"/>
      <c r="AE217" s="240"/>
      <c r="AF217" s="240"/>
      <c r="AG217" s="240"/>
      <c r="AH217" s="240"/>
      <c r="AI217" s="240"/>
      <c r="AJ217" s="240"/>
      <c r="AK217" s="240"/>
      <c r="AL217" s="240"/>
      <c r="AM217" s="240"/>
      <c r="AN217" s="240"/>
      <c r="AO217" s="240"/>
      <c r="AP217" s="240"/>
      <c r="AQ217" s="240"/>
      <c r="AR217" s="240"/>
      <c r="AS217" s="240"/>
    </row>
    <row r="218" spans="1:45">
      <c r="A218" s="44" t="s">
        <v>546</v>
      </c>
      <c r="B218" s="44">
        <v>657</v>
      </c>
      <c r="C218" s="173">
        <v>5.1428558934028112</v>
      </c>
      <c r="D218" s="125">
        <v>0.10084790858535009</v>
      </c>
      <c r="P218" s="240"/>
      <c r="Q218" s="240"/>
      <c r="R218" s="240"/>
      <c r="S218" s="240"/>
      <c r="T218" s="240"/>
      <c r="U218" s="240"/>
      <c r="V218" s="240"/>
      <c r="W218" s="240"/>
      <c r="X218" s="240"/>
      <c r="Y218" s="240"/>
      <c r="Z218" s="240"/>
      <c r="AA218" s="240"/>
      <c r="AB218" s="240"/>
      <c r="AC218" s="240"/>
      <c r="AD218" s="240"/>
      <c r="AE218" s="240"/>
      <c r="AF218" s="240"/>
      <c r="AG218" s="240"/>
      <c r="AH218" s="240"/>
      <c r="AI218" s="240"/>
      <c r="AJ218" s="240"/>
      <c r="AK218" s="240"/>
      <c r="AL218" s="240"/>
      <c r="AM218" s="240"/>
      <c r="AN218" s="240"/>
      <c r="AO218" s="240"/>
      <c r="AP218" s="240"/>
      <c r="AQ218" s="240"/>
      <c r="AR218" s="240"/>
      <c r="AS218" s="240"/>
    </row>
    <row r="219" spans="1:45">
      <c r="A219" s="40" t="s">
        <v>547</v>
      </c>
      <c r="B219" s="48">
        <v>102</v>
      </c>
      <c r="C219" s="79">
        <v>5.1283156499379627</v>
      </c>
      <c r="D219" s="80">
        <v>0.25350836586324149</v>
      </c>
      <c r="P219" s="240"/>
      <c r="Q219" s="240"/>
      <c r="R219" s="240"/>
      <c r="S219" s="240"/>
      <c r="T219" s="240"/>
      <c r="U219" s="240"/>
      <c r="V219" s="240"/>
      <c r="W219" s="240"/>
      <c r="X219" s="240"/>
      <c r="Y219" s="240"/>
      <c r="Z219" s="240"/>
      <c r="AA219" s="240"/>
      <c r="AB219" s="240"/>
      <c r="AC219" s="240"/>
      <c r="AD219" s="240"/>
      <c r="AE219" s="240"/>
      <c r="AF219" s="240"/>
      <c r="AG219" s="240"/>
      <c r="AH219" s="240"/>
      <c r="AI219" s="240"/>
      <c r="AJ219" s="240"/>
      <c r="AK219" s="240"/>
      <c r="AL219" s="240"/>
      <c r="AM219" s="240"/>
      <c r="AN219" s="240"/>
      <c r="AO219" s="240"/>
      <c r="AP219" s="240"/>
      <c r="AQ219" s="240"/>
      <c r="AR219" s="240"/>
      <c r="AS219" s="240"/>
    </row>
    <row r="220" spans="1:45">
      <c r="A220" s="44" t="s">
        <v>548</v>
      </c>
      <c r="B220" s="44">
        <v>91</v>
      </c>
      <c r="C220" s="173">
        <v>4.8214680662081744</v>
      </c>
      <c r="D220" s="125">
        <v>0.32380601493134731</v>
      </c>
      <c r="P220" s="240"/>
      <c r="Q220" s="240"/>
      <c r="R220" s="240"/>
      <c r="S220" s="240"/>
      <c r="T220" s="240"/>
      <c r="U220" s="240"/>
      <c r="V220" s="240"/>
      <c r="W220" s="240"/>
      <c r="X220" s="240"/>
      <c r="Y220" s="240"/>
      <c r="Z220" s="240"/>
      <c r="AA220" s="240"/>
      <c r="AB220" s="240"/>
      <c r="AC220" s="240"/>
      <c r="AD220" s="240"/>
      <c r="AE220" s="240"/>
      <c r="AF220" s="240"/>
      <c r="AG220" s="240"/>
      <c r="AH220" s="240"/>
      <c r="AI220" s="240"/>
      <c r="AJ220" s="240"/>
      <c r="AK220" s="240"/>
      <c r="AL220" s="240"/>
      <c r="AM220" s="240"/>
      <c r="AN220" s="240"/>
      <c r="AO220" s="240"/>
      <c r="AP220" s="240"/>
      <c r="AQ220" s="240"/>
      <c r="AR220" s="240"/>
      <c r="AS220" s="240"/>
    </row>
    <row r="221" spans="1:45">
      <c r="A221" s="40" t="s">
        <v>538</v>
      </c>
      <c r="B221" s="193">
        <v>120</v>
      </c>
      <c r="C221" s="79">
        <v>5.0318595467429468</v>
      </c>
      <c r="D221" s="80">
        <v>0.27033056803305089</v>
      </c>
      <c r="P221" s="240"/>
      <c r="Q221" s="240"/>
      <c r="R221" s="240"/>
      <c r="S221" s="240"/>
      <c r="T221" s="240"/>
      <c r="U221" s="240"/>
      <c r="V221" s="240"/>
      <c r="W221" s="240"/>
      <c r="X221" s="240"/>
      <c r="Y221" s="240"/>
      <c r="Z221" s="240"/>
      <c r="AA221" s="240"/>
      <c r="AB221" s="240"/>
      <c r="AC221" s="240"/>
      <c r="AD221" s="240"/>
      <c r="AE221" s="240"/>
      <c r="AF221" s="240"/>
      <c r="AG221" s="240"/>
      <c r="AH221" s="240"/>
      <c r="AI221" s="240"/>
      <c r="AJ221" s="240"/>
      <c r="AK221" s="240"/>
      <c r="AL221" s="240"/>
      <c r="AM221" s="240"/>
      <c r="AN221" s="240"/>
      <c r="AO221" s="240"/>
      <c r="AP221" s="240"/>
      <c r="AQ221" s="240"/>
      <c r="AR221" s="240"/>
      <c r="AS221" s="240"/>
    </row>
    <row r="222" spans="1:45">
      <c r="A222" s="44" t="s">
        <v>539</v>
      </c>
      <c r="B222" s="194">
        <v>92</v>
      </c>
      <c r="C222" s="173">
        <v>5.0830916429774646</v>
      </c>
      <c r="D222" s="125">
        <v>0.32764914540349577</v>
      </c>
      <c r="P222" s="240"/>
      <c r="Q222" s="240"/>
      <c r="R222" s="240"/>
      <c r="S222" s="240"/>
      <c r="T222" s="240"/>
      <c r="U222" s="240"/>
      <c r="V222" s="240"/>
      <c r="W222" s="240"/>
      <c r="X222" s="240"/>
      <c r="Y222" s="240"/>
      <c r="Z222" s="240"/>
      <c r="AA222" s="240"/>
      <c r="AB222" s="240"/>
      <c r="AC222" s="240"/>
      <c r="AD222" s="240"/>
      <c r="AE222" s="240"/>
      <c r="AF222" s="240"/>
      <c r="AG222" s="240"/>
      <c r="AH222" s="240"/>
      <c r="AI222" s="240"/>
      <c r="AJ222" s="240"/>
      <c r="AK222" s="240"/>
      <c r="AL222" s="240"/>
      <c r="AM222" s="240"/>
      <c r="AN222" s="240"/>
      <c r="AO222" s="240"/>
      <c r="AP222" s="240"/>
      <c r="AQ222" s="240"/>
      <c r="AR222" s="240"/>
      <c r="AS222" s="240"/>
    </row>
    <row r="223" spans="1:45">
      <c r="A223" s="40" t="s">
        <v>540</v>
      </c>
      <c r="B223" s="49">
        <v>245</v>
      </c>
      <c r="C223" s="79">
        <v>4.8515043435659049</v>
      </c>
      <c r="D223" s="80">
        <v>0.20621491256437888</v>
      </c>
      <c r="P223" s="240"/>
      <c r="Q223" s="240"/>
      <c r="R223" s="240"/>
      <c r="S223" s="240"/>
      <c r="T223" s="240"/>
      <c r="U223" s="240"/>
      <c r="V223" s="240"/>
      <c r="W223" s="240"/>
      <c r="X223" s="240"/>
      <c r="Y223" s="240"/>
      <c r="Z223" s="240"/>
      <c r="AA223" s="240"/>
      <c r="AB223" s="240"/>
      <c r="AC223" s="240"/>
      <c r="AD223" s="240"/>
      <c r="AE223" s="240"/>
      <c r="AF223" s="240"/>
      <c r="AG223" s="240"/>
      <c r="AH223" s="240"/>
      <c r="AI223" s="240"/>
      <c r="AJ223" s="240"/>
      <c r="AK223" s="240"/>
      <c r="AL223" s="240"/>
      <c r="AM223" s="240"/>
      <c r="AN223" s="240"/>
      <c r="AO223" s="240"/>
      <c r="AP223" s="240"/>
      <c r="AQ223" s="240"/>
      <c r="AR223" s="240"/>
      <c r="AS223" s="240"/>
    </row>
    <row r="224" spans="1:45" ht="25.5">
      <c r="A224" s="44" t="s">
        <v>541</v>
      </c>
      <c r="B224" s="194">
        <v>109</v>
      </c>
      <c r="C224" s="173">
        <v>5.1138959328193865</v>
      </c>
      <c r="D224" s="125">
        <v>0.24745800835909434</v>
      </c>
      <c r="P224" s="240"/>
      <c r="Q224" s="240"/>
      <c r="R224" s="240"/>
      <c r="S224" s="240"/>
      <c r="T224" s="240"/>
      <c r="U224" s="240"/>
      <c r="V224" s="240"/>
      <c r="W224" s="240"/>
      <c r="X224" s="240"/>
      <c r="Y224" s="240"/>
      <c r="Z224" s="240"/>
      <c r="AA224" s="240"/>
      <c r="AB224" s="240"/>
      <c r="AC224" s="240"/>
      <c r="AD224" s="240"/>
      <c r="AE224" s="240"/>
      <c r="AF224" s="240"/>
      <c r="AG224" s="240"/>
      <c r="AH224" s="240"/>
      <c r="AI224" s="240"/>
      <c r="AJ224" s="240"/>
      <c r="AK224" s="240"/>
      <c r="AL224" s="240"/>
      <c r="AM224" s="240"/>
      <c r="AN224" s="240"/>
      <c r="AO224" s="240"/>
      <c r="AP224" s="240"/>
      <c r="AQ224" s="240"/>
      <c r="AR224" s="240"/>
      <c r="AS224" s="240"/>
    </row>
    <row r="225" spans="1:45" ht="25.5">
      <c r="A225" s="52" t="s">
        <v>549</v>
      </c>
      <c r="B225" s="193">
        <v>64</v>
      </c>
      <c r="C225" s="79">
        <v>3.8455012983535615</v>
      </c>
      <c r="D225" s="80">
        <v>0.41032910709389375</v>
      </c>
      <c r="P225" s="240"/>
      <c r="Q225" s="240"/>
      <c r="R225" s="240"/>
      <c r="S225" s="240"/>
      <c r="T225" s="240"/>
      <c r="U225" s="240"/>
      <c r="V225" s="240"/>
      <c r="W225" s="240"/>
      <c r="X225" s="240"/>
      <c r="Y225" s="240"/>
      <c r="Z225" s="240"/>
      <c r="AA225" s="240"/>
      <c r="AB225" s="240"/>
      <c r="AC225" s="240"/>
      <c r="AD225" s="240"/>
      <c r="AE225" s="240"/>
      <c r="AF225" s="240"/>
      <c r="AG225" s="240"/>
      <c r="AH225" s="240"/>
      <c r="AI225" s="240"/>
      <c r="AJ225" s="240"/>
      <c r="AK225" s="240"/>
      <c r="AL225" s="240"/>
      <c r="AM225" s="240"/>
      <c r="AN225" s="240"/>
      <c r="AO225" s="240"/>
      <c r="AP225" s="240"/>
      <c r="AQ225" s="240"/>
      <c r="AR225" s="240"/>
      <c r="AS225" s="240"/>
    </row>
    <row r="226" spans="1:45">
      <c r="A226" s="44" t="s">
        <v>543</v>
      </c>
      <c r="B226" s="194">
        <v>72</v>
      </c>
      <c r="C226" s="173">
        <v>5.1399898707623954</v>
      </c>
      <c r="D226" s="125">
        <v>0.33741313758206215</v>
      </c>
      <c r="P226" s="240"/>
      <c r="Q226" s="240"/>
      <c r="R226" s="240"/>
      <c r="S226" s="240"/>
      <c r="T226" s="240"/>
      <c r="U226" s="240"/>
      <c r="V226" s="240"/>
      <c r="W226" s="240"/>
      <c r="X226" s="240"/>
      <c r="Y226" s="240"/>
      <c r="Z226" s="240"/>
      <c r="AA226" s="240"/>
      <c r="AB226" s="240"/>
      <c r="AC226" s="240"/>
      <c r="AD226" s="240"/>
      <c r="AE226" s="240"/>
      <c r="AF226" s="240"/>
      <c r="AG226" s="240"/>
      <c r="AH226" s="240"/>
      <c r="AI226" s="240"/>
      <c r="AJ226" s="240"/>
      <c r="AK226" s="240"/>
      <c r="AL226" s="240"/>
      <c r="AM226" s="240"/>
      <c r="AN226" s="240"/>
      <c r="AO226" s="240"/>
      <c r="AP226" s="240"/>
      <c r="AQ226" s="240"/>
      <c r="AR226" s="240"/>
      <c r="AS226" s="240"/>
    </row>
    <row r="227" spans="1:45">
      <c r="A227" s="52" t="s">
        <v>544</v>
      </c>
      <c r="B227" s="193">
        <v>109</v>
      </c>
      <c r="C227" s="79">
        <v>4.802545183332251</v>
      </c>
      <c r="D227" s="80">
        <v>0.35495526443622077</v>
      </c>
      <c r="P227" s="240"/>
      <c r="Q227" s="240"/>
      <c r="R227" s="240"/>
      <c r="S227" s="240"/>
      <c r="T227" s="240"/>
      <c r="U227" s="240"/>
      <c r="V227" s="240"/>
      <c r="W227" s="240"/>
      <c r="X227" s="240"/>
      <c r="Y227" s="240"/>
      <c r="Z227" s="240"/>
      <c r="AA227" s="240"/>
      <c r="AB227" s="240"/>
      <c r="AC227" s="240"/>
      <c r="AD227" s="240"/>
      <c r="AE227" s="240"/>
      <c r="AF227" s="240"/>
      <c r="AG227" s="240"/>
      <c r="AH227" s="240"/>
      <c r="AI227" s="240"/>
      <c r="AJ227" s="240"/>
      <c r="AK227" s="240"/>
      <c r="AL227" s="240"/>
      <c r="AM227" s="240"/>
      <c r="AN227" s="240"/>
      <c r="AO227" s="240"/>
      <c r="AP227" s="240"/>
      <c r="AQ227" s="240"/>
      <c r="AR227" s="240"/>
      <c r="AS227" s="240"/>
    </row>
    <row r="228" spans="1:45">
      <c r="A228" s="44" t="s">
        <v>545</v>
      </c>
      <c r="B228" s="194">
        <v>114</v>
      </c>
      <c r="C228" s="173">
        <v>3.9142662639762618</v>
      </c>
      <c r="D228" s="125">
        <v>0.35372301955047458</v>
      </c>
      <c r="P228" s="240"/>
      <c r="Q228" s="240"/>
      <c r="R228" s="240"/>
      <c r="S228" s="240"/>
      <c r="T228" s="240"/>
      <c r="U228" s="240"/>
      <c r="V228" s="240"/>
      <c r="W228" s="240"/>
      <c r="X228" s="240"/>
      <c r="Y228" s="240"/>
      <c r="Z228" s="240"/>
      <c r="AA228" s="240"/>
      <c r="AB228" s="240"/>
      <c r="AC228" s="240"/>
      <c r="AD228" s="240"/>
      <c r="AE228" s="240"/>
      <c r="AF228" s="240"/>
      <c r="AG228" s="240"/>
      <c r="AH228" s="240"/>
      <c r="AI228" s="240"/>
      <c r="AJ228" s="240"/>
      <c r="AK228" s="240"/>
      <c r="AL228" s="240"/>
      <c r="AM228" s="240"/>
      <c r="AN228" s="240"/>
      <c r="AO228" s="240"/>
      <c r="AP228" s="240"/>
      <c r="AQ228" s="240"/>
      <c r="AR228" s="240"/>
      <c r="AS228" s="240"/>
    </row>
    <row r="229" spans="1:45">
      <c r="P229" s="240"/>
      <c r="Q229" s="240"/>
      <c r="R229" s="240"/>
      <c r="S229" s="240"/>
      <c r="T229" s="240"/>
      <c r="U229" s="240"/>
      <c r="V229" s="240"/>
      <c r="W229" s="240"/>
      <c r="X229" s="240"/>
      <c r="Y229" s="240"/>
      <c r="Z229" s="240"/>
      <c r="AA229" s="240"/>
      <c r="AB229" s="240"/>
      <c r="AC229" s="240"/>
      <c r="AD229" s="240"/>
      <c r="AE229" s="240"/>
      <c r="AF229" s="240"/>
      <c r="AG229" s="240"/>
      <c r="AH229" s="240"/>
      <c r="AI229" s="240"/>
      <c r="AJ229" s="240"/>
      <c r="AK229" s="240"/>
      <c r="AL229" s="240"/>
      <c r="AM229" s="240"/>
      <c r="AN229" s="240"/>
      <c r="AO229" s="240"/>
      <c r="AP229" s="240"/>
      <c r="AQ229" s="240"/>
      <c r="AR229" s="240"/>
      <c r="AS229" s="240"/>
    </row>
    <row r="230" spans="1:45">
      <c r="P230" s="240"/>
      <c r="Q230" s="240"/>
      <c r="R230" s="240"/>
      <c r="S230" s="240"/>
      <c r="T230" s="240"/>
      <c r="U230" s="240"/>
      <c r="V230" s="240"/>
      <c r="W230" s="240"/>
      <c r="X230" s="240"/>
      <c r="Y230" s="240"/>
      <c r="Z230" s="240"/>
      <c r="AA230" s="240"/>
      <c r="AB230" s="240"/>
      <c r="AC230" s="240"/>
      <c r="AD230" s="240"/>
      <c r="AE230" s="240"/>
      <c r="AF230" s="240"/>
      <c r="AG230" s="240"/>
      <c r="AH230" s="240"/>
      <c r="AI230" s="240"/>
      <c r="AJ230" s="240"/>
      <c r="AK230" s="240"/>
      <c r="AL230" s="240"/>
      <c r="AM230" s="240"/>
      <c r="AN230" s="240"/>
      <c r="AO230" s="240"/>
      <c r="AP230" s="240"/>
      <c r="AQ230" s="240"/>
      <c r="AR230" s="240"/>
      <c r="AS230" s="240"/>
    </row>
    <row r="231" spans="1:45">
      <c r="P231" s="240"/>
      <c r="Q231" s="240"/>
      <c r="R231" s="240"/>
      <c r="S231" s="240"/>
      <c r="T231" s="240"/>
      <c r="U231" s="240"/>
      <c r="V231" s="240"/>
      <c r="W231" s="240"/>
      <c r="X231" s="240"/>
      <c r="Y231" s="240"/>
      <c r="Z231" s="240"/>
      <c r="AA231" s="240"/>
      <c r="AB231" s="240"/>
      <c r="AC231" s="240"/>
      <c r="AD231" s="240"/>
      <c r="AE231" s="240"/>
      <c r="AF231" s="240"/>
      <c r="AG231" s="240"/>
      <c r="AH231" s="240"/>
      <c r="AI231" s="240"/>
      <c r="AJ231" s="240"/>
      <c r="AK231" s="240"/>
      <c r="AL231" s="240"/>
      <c r="AM231" s="240"/>
      <c r="AN231" s="240"/>
      <c r="AO231" s="240"/>
      <c r="AP231" s="240"/>
      <c r="AQ231" s="240"/>
      <c r="AR231" s="240"/>
      <c r="AS231" s="240"/>
    </row>
    <row r="232" spans="1:45">
      <c r="P232" s="240"/>
      <c r="Q232" s="240"/>
      <c r="R232" s="240"/>
      <c r="S232" s="240"/>
      <c r="T232" s="240"/>
      <c r="U232" s="240"/>
      <c r="V232" s="240"/>
      <c r="W232" s="240"/>
      <c r="X232" s="240"/>
      <c r="Y232" s="240"/>
      <c r="Z232" s="240"/>
      <c r="AA232" s="240"/>
      <c r="AB232" s="240"/>
      <c r="AC232" s="240"/>
      <c r="AD232" s="240"/>
      <c r="AE232" s="240"/>
      <c r="AF232" s="240"/>
      <c r="AG232" s="240"/>
      <c r="AH232" s="240"/>
      <c r="AI232" s="240"/>
      <c r="AJ232" s="240"/>
      <c r="AK232" s="240"/>
      <c r="AL232" s="240"/>
      <c r="AM232" s="240"/>
      <c r="AN232" s="240"/>
      <c r="AO232" s="240"/>
      <c r="AP232" s="240"/>
      <c r="AQ232" s="240"/>
      <c r="AR232" s="240"/>
      <c r="AS232" s="240"/>
    </row>
    <row r="233" spans="1:45">
      <c r="P233" s="240"/>
      <c r="Q233" s="240"/>
      <c r="R233" s="240"/>
      <c r="S233" s="240"/>
      <c r="T233" s="240"/>
      <c r="U233" s="240"/>
      <c r="V233" s="240"/>
      <c r="W233" s="240"/>
      <c r="X233" s="240"/>
      <c r="Y233" s="240"/>
      <c r="Z233" s="240"/>
      <c r="AA233" s="240"/>
      <c r="AB233" s="240"/>
      <c r="AC233" s="240"/>
      <c r="AD233" s="240"/>
      <c r="AE233" s="240"/>
      <c r="AF233" s="240"/>
      <c r="AG233" s="240"/>
      <c r="AH233" s="240"/>
      <c r="AI233" s="240"/>
      <c r="AJ233" s="240"/>
      <c r="AK233" s="240"/>
      <c r="AL233" s="240"/>
      <c r="AM233" s="240"/>
      <c r="AN233" s="240"/>
      <c r="AO233" s="240"/>
      <c r="AP233" s="240"/>
      <c r="AQ233" s="240"/>
      <c r="AR233" s="240"/>
      <c r="AS233" s="240"/>
    </row>
    <row r="234" spans="1:45">
      <c r="P234" s="240"/>
      <c r="Q234" s="240"/>
      <c r="R234" s="240"/>
      <c r="S234" s="240"/>
      <c r="T234" s="240"/>
      <c r="U234" s="240"/>
      <c r="V234" s="240"/>
      <c r="W234" s="240"/>
      <c r="X234" s="240"/>
      <c r="Y234" s="240"/>
      <c r="Z234" s="240"/>
      <c r="AA234" s="240"/>
      <c r="AB234" s="240"/>
      <c r="AC234" s="240"/>
      <c r="AD234" s="240"/>
      <c r="AE234" s="240"/>
      <c r="AF234" s="240"/>
      <c r="AG234" s="240"/>
      <c r="AH234" s="240"/>
      <c r="AI234" s="240"/>
      <c r="AJ234" s="240"/>
      <c r="AK234" s="240"/>
      <c r="AL234" s="240"/>
      <c r="AM234" s="240"/>
      <c r="AN234" s="240"/>
      <c r="AO234" s="240"/>
      <c r="AP234" s="240"/>
      <c r="AQ234" s="240"/>
      <c r="AR234" s="240"/>
      <c r="AS234" s="240"/>
    </row>
    <row r="235" spans="1:45" ht="18.75">
      <c r="A235" s="416" t="s">
        <v>426</v>
      </c>
      <c r="B235" s="416"/>
      <c r="C235" s="416"/>
      <c r="D235" s="416"/>
      <c r="E235" s="416"/>
      <c r="F235" s="416"/>
      <c r="G235" s="416"/>
      <c r="H235" s="416"/>
      <c r="I235" s="416"/>
      <c r="J235" s="416"/>
      <c r="K235" s="416"/>
      <c r="L235" s="416"/>
      <c r="M235" s="416"/>
      <c r="N235" s="416"/>
      <c r="O235" s="416"/>
      <c r="P235" s="416"/>
      <c r="Q235" s="416"/>
      <c r="R235" s="416"/>
      <c r="S235" s="416"/>
      <c r="T235" s="240"/>
      <c r="U235" s="240"/>
      <c r="V235" s="240"/>
      <c r="W235" s="240"/>
      <c r="X235" s="240"/>
      <c r="Y235" s="240"/>
      <c r="Z235" s="240"/>
      <c r="AA235" s="240"/>
      <c r="AB235" s="240"/>
      <c r="AC235" s="240"/>
      <c r="AD235" s="240"/>
      <c r="AE235" s="240"/>
      <c r="AF235" s="240"/>
      <c r="AG235" s="240"/>
      <c r="AH235" s="240"/>
      <c r="AI235" s="240"/>
      <c r="AJ235" s="240"/>
      <c r="AK235" s="240"/>
      <c r="AL235" s="240"/>
      <c r="AM235" s="240"/>
      <c r="AN235" s="240"/>
      <c r="AO235" s="240"/>
      <c r="AP235" s="240"/>
      <c r="AQ235" s="240"/>
      <c r="AR235" s="240"/>
      <c r="AS235" s="240"/>
    </row>
    <row r="236" spans="1:45" ht="76.5" customHeight="1">
      <c r="A236" s="425" t="s">
        <v>589</v>
      </c>
      <c r="B236" s="425"/>
      <c r="C236" s="425"/>
      <c r="D236" s="425"/>
      <c r="E236" s="425"/>
      <c r="F236" s="425"/>
      <c r="G236" s="425"/>
      <c r="H236" s="425"/>
      <c r="I236" s="425"/>
      <c r="J236" s="425"/>
      <c r="K236" s="425"/>
      <c r="L236" s="425"/>
      <c r="M236" s="425"/>
      <c r="N236" s="425"/>
      <c r="O236" s="425"/>
      <c r="P236" s="425"/>
      <c r="Q236" s="425"/>
      <c r="R236" s="425"/>
      <c r="S236" s="425"/>
      <c r="T236" s="240"/>
      <c r="U236" s="240"/>
      <c r="V236" s="240"/>
      <c r="W236" s="240"/>
      <c r="X236" s="240"/>
      <c r="Y236" s="240"/>
      <c r="Z236" s="240"/>
      <c r="AA236" s="240"/>
      <c r="AB236" s="240"/>
      <c r="AC236" s="240"/>
      <c r="AD236" s="240"/>
      <c r="AE236" s="240"/>
      <c r="AF236" s="240"/>
      <c r="AG236" s="240"/>
      <c r="AH236" s="240"/>
      <c r="AI236" s="240"/>
      <c r="AJ236" s="240"/>
      <c r="AK236" s="240"/>
      <c r="AL236" s="240"/>
      <c r="AM236" s="240"/>
      <c r="AN236" s="240"/>
      <c r="AO236" s="240"/>
      <c r="AP236" s="240"/>
      <c r="AQ236" s="240"/>
      <c r="AR236" s="240"/>
      <c r="AS236" s="240"/>
    </row>
    <row r="237" spans="1:45" ht="39" customHeight="1">
      <c r="A237" s="59"/>
      <c r="B237" s="420" t="s">
        <v>427</v>
      </c>
      <c r="C237" s="421"/>
      <c r="D237" s="421"/>
      <c r="E237" s="421"/>
      <c r="F237" s="421"/>
      <c r="G237" s="421"/>
      <c r="H237" s="421"/>
      <c r="I237" s="421"/>
      <c r="J237" s="422"/>
      <c r="K237" s="423" t="s">
        <v>428</v>
      </c>
      <c r="L237" s="424"/>
      <c r="M237" s="424"/>
      <c r="N237" s="424"/>
      <c r="O237" s="424"/>
      <c r="P237" s="424"/>
      <c r="Q237" s="424"/>
      <c r="R237" s="424"/>
      <c r="S237" s="424"/>
      <c r="W237" s="240"/>
      <c r="X237" s="240"/>
      <c r="Y237" s="240"/>
      <c r="Z237" s="240"/>
      <c r="AA237" s="240"/>
      <c r="AB237" s="240"/>
      <c r="AC237" s="240"/>
      <c r="AD237" s="240"/>
      <c r="AE237" s="240"/>
      <c r="AF237" s="240"/>
      <c r="AG237" s="240"/>
      <c r="AH237" s="240"/>
      <c r="AI237" s="240"/>
      <c r="AJ237" s="240"/>
      <c r="AK237" s="240"/>
      <c r="AL237" s="240"/>
      <c r="AM237" s="240"/>
      <c r="AN237" s="240"/>
      <c r="AO237" s="240"/>
      <c r="AP237" s="240"/>
      <c r="AQ237" s="240"/>
      <c r="AR237" s="240"/>
      <c r="AS237" s="240"/>
    </row>
    <row r="238" spans="1:45" ht="72">
      <c r="A238" s="32" t="s">
        <v>71</v>
      </c>
      <c r="B238" s="33" t="s">
        <v>72</v>
      </c>
      <c r="C238" s="33" t="s">
        <v>429</v>
      </c>
      <c r="D238" s="84" t="s">
        <v>143</v>
      </c>
      <c r="E238" s="33" t="s">
        <v>430</v>
      </c>
      <c r="F238" s="84" t="s">
        <v>144</v>
      </c>
      <c r="G238" s="33" t="s">
        <v>431</v>
      </c>
      <c r="H238" s="84" t="s">
        <v>117</v>
      </c>
      <c r="I238" s="33" t="s">
        <v>301</v>
      </c>
      <c r="J238" s="84" t="s">
        <v>315</v>
      </c>
      <c r="K238" s="60" t="s">
        <v>72</v>
      </c>
      <c r="L238" s="60" t="s">
        <v>429</v>
      </c>
      <c r="M238" s="83" t="s">
        <v>143</v>
      </c>
      <c r="N238" s="60" t="s">
        <v>430</v>
      </c>
      <c r="O238" s="83" t="s">
        <v>144</v>
      </c>
      <c r="P238" s="60" t="s">
        <v>431</v>
      </c>
      <c r="Q238" s="83" t="s">
        <v>117</v>
      </c>
      <c r="R238" s="60" t="s">
        <v>301</v>
      </c>
      <c r="S238" s="83" t="s">
        <v>315</v>
      </c>
      <c r="W238" s="240"/>
      <c r="X238" s="240"/>
      <c r="Y238" s="240"/>
      <c r="Z238" s="240"/>
      <c r="AA238" s="240"/>
      <c r="AB238" s="240"/>
      <c r="AC238" s="240"/>
      <c r="AD238" s="240"/>
      <c r="AE238" s="240"/>
      <c r="AF238" s="240"/>
      <c r="AG238" s="240"/>
      <c r="AH238" s="240"/>
      <c r="AI238" s="240"/>
      <c r="AJ238" s="240"/>
      <c r="AK238" s="240"/>
      <c r="AL238" s="240"/>
      <c r="AM238" s="240"/>
      <c r="AN238" s="240"/>
      <c r="AO238" s="240"/>
      <c r="AP238" s="240"/>
      <c r="AQ238" s="240"/>
      <c r="AR238" s="240"/>
      <c r="AS238" s="240"/>
    </row>
    <row r="239" spans="1:45" ht="72">
      <c r="A239" s="36"/>
      <c r="B239" s="37" t="s">
        <v>74</v>
      </c>
      <c r="C239" s="37" t="s">
        <v>159</v>
      </c>
      <c r="D239" s="86" t="s">
        <v>88</v>
      </c>
      <c r="E239" s="37" t="s">
        <v>160</v>
      </c>
      <c r="F239" s="86" t="s">
        <v>88</v>
      </c>
      <c r="G239" s="37" t="s">
        <v>161</v>
      </c>
      <c r="H239" s="86" t="s">
        <v>88</v>
      </c>
      <c r="I239" s="37" t="s">
        <v>301</v>
      </c>
      <c r="J239" s="86" t="s">
        <v>88</v>
      </c>
      <c r="K239" s="63" t="s">
        <v>74</v>
      </c>
      <c r="L239" s="63" t="s">
        <v>159</v>
      </c>
      <c r="M239" s="85" t="s">
        <v>88</v>
      </c>
      <c r="N239" s="63" t="s">
        <v>160</v>
      </c>
      <c r="O239" s="85" t="s">
        <v>88</v>
      </c>
      <c r="P239" s="63" t="s">
        <v>161</v>
      </c>
      <c r="Q239" s="85" t="s">
        <v>88</v>
      </c>
      <c r="R239" s="63" t="s">
        <v>301</v>
      </c>
      <c r="S239" s="85" t="s">
        <v>88</v>
      </c>
      <c r="W239" s="240"/>
      <c r="X239" s="240"/>
      <c r="Y239" s="240"/>
      <c r="Z239" s="240"/>
      <c r="AA239" s="240"/>
      <c r="AB239" s="240"/>
      <c r="AC239" s="240"/>
      <c r="AD239" s="240"/>
      <c r="AE239" s="240"/>
      <c r="AF239" s="240"/>
      <c r="AG239" s="240"/>
      <c r="AH239" s="240"/>
      <c r="AI239" s="240"/>
      <c r="AJ239" s="240"/>
      <c r="AK239" s="240"/>
      <c r="AL239" s="240"/>
      <c r="AM239" s="240"/>
      <c r="AN239" s="240"/>
      <c r="AO239" s="240"/>
      <c r="AP239" s="240"/>
      <c r="AQ239" s="240"/>
      <c r="AR239" s="240"/>
      <c r="AS239" s="240"/>
    </row>
    <row r="240" spans="1:45">
      <c r="A240" s="40" t="s">
        <v>350</v>
      </c>
      <c r="B240" s="40">
        <v>13823</v>
      </c>
      <c r="C240" s="313">
        <v>0.1449675895687571</v>
      </c>
      <c r="D240" s="314">
        <v>5.9899123419875321E-3</v>
      </c>
      <c r="E240" s="313">
        <v>0.12516355582310087</v>
      </c>
      <c r="F240" s="314">
        <v>5.6302738899209172E-3</v>
      </c>
      <c r="G240" s="313">
        <v>0.71704334011203941</v>
      </c>
      <c r="H240" s="314">
        <v>7.6617476168737708E-3</v>
      </c>
      <c r="I240" s="313">
        <v>1.2825514496109242E-2</v>
      </c>
      <c r="J240" s="314">
        <v>1.9241658205798801E-3</v>
      </c>
      <c r="K240" s="317">
        <v>13828</v>
      </c>
      <c r="L240" s="313">
        <v>0.16609066207296061</v>
      </c>
      <c r="M240" s="314">
        <v>6.3302460996892598E-3</v>
      </c>
      <c r="N240" s="313">
        <v>0.14647282108172721</v>
      </c>
      <c r="O240" s="314">
        <v>6.0145093680234827E-3</v>
      </c>
      <c r="P240" s="313">
        <v>0.59250635510264726</v>
      </c>
      <c r="Q240" s="314">
        <v>8.3560086833474757E-3</v>
      </c>
      <c r="R240" s="313">
        <v>9.4930161742680652E-2</v>
      </c>
      <c r="S240" s="314">
        <v>4.9873556751508603E-3</v>
      </c>
    </row>
    <row r="241" spans="1:19">
      <c r="A241" s="44" t="s">
        <v>351</v>
      </c>
      <c r="B241" s="44">
        <v>10154</v>
      </c>
      <c r="C241" s="192">
        <v>0.1889512126284949</v>
      </c>
      <c r="D241" s="92">
        <v>7.7701990274397269E-3</v>
      </c>
      <c r="E241" s="192">
        <v>0.1232411290671179</v>
      </c>
      <c r="F241" s="92">
        <v>6.5263191889328234E-3</v>
      </c>
      <c r="G241" s="192">
        <v>0.67715974238595034</v>
      </c>
      <c r="H241" s="92">
        <v>9.2787579436654413E-3</v>
      </c>
      <c r="I241" s="192">
        <v>1.0647915918430936E-2</v>
      </c>
      <c r="J241" s="92">
        <v>2.0548774836072069E-3</v>
      </c>
      <c r="K241" s="44">
        <v>10155</v>
      </c>
      <c r="L241" s="192">
        <v>0.21705472707273019</v>
      </c>
      <c r="M241" s="92">
        <v>8.1815458409246512E-3</v>
      </c>
      <c r="N241" s="192">
        <v>0.15128193866659398</v>
      </c>
      <c r="O241" s="92">
        <v>7.1128170804036755E-3</v>
      </c>
      <c r="P241" s="192">
        <v>0.55479633405969486</v>
      </c>
      <c r="Q241" s="92">
        <v>9.8617218955473346E-3</v>
      </c>
      <c r="R241" s="192">
        <v>7.6867000200978072E-2</v>
      </c>
      <c r="S241" s="92">
        <v>5.2909976602783159E-3</v>
      </c>
    </row>
    <row r="242" spans="1:19">
      <c r="A242" s="40" t="s">
        <v>352</v>
      </c>
      <c r="B242" s="40">
        <v>3669</v>
      </c>
      <c r="C242" s="313">
        <v>0.1090433664636099</v>
      </c>
      <c r="D242" s="314">
        <v>1.0303620458752962E-2</v>
      </c>
      <c r="E242" s="313">
        <v>0.12673372405574568</v>
      </c>
      <c r="F242" s="314">
        <v>1.0993430980410815E-2</v>
      </c>
      <c r="G242" s="313">
        <v>0.74961881169157574</v>
      </c>
      <c r="H242" s="314">
        <v>1.4302023550752958E-2</v>
      </c>
      <c r="I242" s="313">
        <v>1.4604097789070035E-2</v>
      </c>
      <c r="J242" s="314">
        <v>4.0287165092681527E-3</v>
      </c>
      <c r="K242" s="317">
        <v>3673</v>
      </c>
      <c r="L242" s="313">
        <v>0.12445309423105477</v>
      </c>
      <c r="M242" s="314">
        <v>1.0902749760087468E-2</v>
      </c>
      <c r="N242" s="313">
        <v>0.14254377892818759</v>
      </c>
      <c r="O242" s="314">
        <v>1.1544001126064542E-2</v>
      </c>
      <c r="P242" s="313">
        <v>0.62331538808503573</v>
      </c>
      <c r="Q242" s="314">
        <v>1.5982938348325766E-2</v>
      </c>
      <c r="R242" s="313">
        <v>0.10968773875572151</v>
      </c>
      <c r="S242" s="314">
        <v>1.032449371819859E-2</v>
      </c>
    </row>
    <row r="243" spans="1:19">
      <c r="A243" s="44" t="s">
        <v>534</v>
      </c>
      <c r="B243" s="44">
        <v>1687</v>
      </c>
      <c r="C243" s="192">
        <v>0.17055275551698171</v>
      </c>
      <c r="D243" s="92">
        <v>1.8326003694441984E-2</v>
      </c>
      <c r="E243" s="192">
        <v>0.14210035154770523</v>
      </c>
      <c r="F243" s="92">
        <v>1.7023524944108352E-2</v>
      </c>
      <c r="G243" s="192">
        <v>0.67257003310255958</v>
      </c>
      <c r="H243" s="92">
        <v>2.2830996912336591E-2</v>
      </c>
      <c r="I243" s="192">
        <v>1.4776859832753286E-2</v>
      </c>
      <c r="J243" s="92">
        <v>6.0884557360317065E-3</v>
      </c>
      <c r="K243" s="44">
        <v>1688</v>
      </c>
      <c r="L243" s="192">
        <v>0.17298680127956087</v>
      </c>
      <c r="M243" s="92">
        <v>1.8422888008622757E-2</v>
      </c>
      <c r="N243" s="192">
        <v>0.17420465468165569</v>
      </c>
      <c r="O243" s="92">
        <v>1.8473587052126518E-2</v>
      </c>
      <c r="P243" s="192">
        <v>0.53732265834728887</v>
      </c>
      <c r="Q243" s="92">
        <v>2.4243329007927857E-2</v>
      </c>
      <c r="R243" s="192">
        <v>0.11548588569149373</v>
      </c>
      <c r="S243" s="92">
        <v>1.5592864433096326E-2</v>
      </c>
    </row>
    <row r="244" spans="1:19">
      <c r="A244" s="40" t="s">
        <v>535</v>
      </c>
      <c r="B244" s="40">
        <v>922</v>
      </c>
      <c r="C244" s="313">
        <v>0.25109665282588767</v>
      </c>
      <c r="D244" s="314">
        <v>2.8541296502068624E-2</v>
      </c>
      <c r="E244" s="313">
        <v>0.12104958706794944</v>
      </c>
      <c r="F244" s="314">
        <v>2.1562560469564493E-2</v>
      </c>
      <c r="G244" s="313">
        <v>0.61713030188199802</v>
      </c>
      <c r="H244" s="314">
        <v>3.1955609291837966E-2</v>
      </c>
      <c r="I244" s="313">
        <v>1.0723458224164772E-2</v>
      </c>
      <c r="J244" s="314">
        <v>7.3986094556209008E-3</v>
      </c>
      <c r="K244" s="317">
        <v>919</v>
      </c>
      <c r="L244" s="313">
        <v>0.2690992085263158</v>
      </c>
      <c r="M244" s="314">
        <v>2.92296119128896E-2</v>
      </c>
      <c r="N244" s="313">
        <v>0.15954170688094657</v>
      </c>
      <c r="O244" s="314">
        <v>2.4195898473094585E-2</v>
      </c>
      <c r="P244" s="313">
        <v>0.51835164576789883</v>
      </c>
      <c r="Q244" s="314">
        <v>3.2893414647888898E-2</v>
      </c>
      <c r="R244" s="313">
        <v>5.3007438824838819E-2</v>
      </c>
      <c r="S244" s="314">
        <v>1.5000998516819523E-2</v>
      </c>
    </row>
    <row r="245" spans="1:19">
      <c r="A245" s="44" t="s">
        <v>536</v>
      </c>
      <c r="B245" s="44">
        <v>198</v>
      </c>
      <c r="C245" s="192">
        <v>0.30557836138202488</v>
      </c>
      <c r="D245" s="92">
        <v>6.5048713685775819E-2</v>
      </c>
      <c r="E245" s="192">
        <v>0.13148684145454159</v>
      </c>
      <c r="F245" s="92">
        <v>4.8649706989791715E-2</v>
      </c>
      <c r="G245" s="192">
        <v>0.5591757963111359</v>
      </c>
      <c r="H245" s="92">
        <v>6.9884705075148545E-2</v>
      </c>
      <c r="I245" s="192">
        <v>3.7590008522971202E-3</v>
      </c>
      <c r="J245" s="92">
        <v>1.6290061343662392E-2</v>
      </c>
      <c r="K245" s="44">
        <v>196</v>
      </c>
      <c r="L245" s="192">
        <v>0.26387384600745778</v>
      </c>
      <c r="M245" s="92">
        <v>6.2682112217190472E-2</v>
      </c>
      <c r="N245" s="192">
        <v>0.17672329359845196</v>
      </c>
      <c r="O245" s="92">
        <v>5.470478610189055E-2</v>
      </c>
      <c r="P245" s="192">
        <v>0.49942978312760672</v>
      </c>
      <c r="Q245" s="92">
        <v>7.0710633956789101E-2</v>
      </c>
      <c r="R245" s="192">
        <v>5.997307726648278E-2</v>
      </c>
      <c r="S245" s="92">
        <v>3.5789329555551128E-2</v>
      </c>
    </row>
    <row r="246" spans="1:19">
      <c r="A246" s="40" t="s">
        <v>537</v>
      </c>
      <c r="B246" s="40">
        <v>73</v>
      </c>
      <c r="C246" s="313">
        <v>0.55195191365930651</v>
      </c>
      <c r="D246" s="314">
        <v>0.11340632174246906</v>
      </c>
      <c r="E246" s="313">
        <v>0.16900822954991182</v>
      </c>
      <c r="F246" s="314">
        <v>8.8722885755851799E-2</v>
      </c>
      <c r="G246" s="313">
        <v>0.26834490762495872</v>
      </c>
      <c r="H246" s="314">
        <v>0.10237861721264187</v>
      </c>
      <c r="I246" s="313">
        <v>1.0694949165823085E-2</v>
      </c>
      <c r="J246" s="314">
        <v>4.2523769478163498E-2</v>
      </c>
      <c r="K246" s="317">
        <v>73</v>
      </c>
      <c r="L246" s="313">
        <v>0.32520004756291604</v>
      </c>
      <c r="M246" s="314">
        <v>0.10751914809148516</v>
      </c>
      <c r="N246" s="313">
        <v>0.22509759056099043</v>
      </c>
      <c r="O246" s="314">
        <v>9.7254865525472703E-2</v>
      </c>
      <c r="P246" s="313">
        <v>0.36389071539231715</v>
      </c>
      <c r="Q246" s="314">
        <v>0.11010007750212875</v>
      </c>
      <c r="R246" s="313">
        <v>8.5811646483776635E-2</v>
      </c>
      <c r="S246" s="314">
        <v>7.0548368299459846E-2</v>
      </c>
    </row>
    <row r="247" spans="1:19">
      <c r="A247" s="44" t="s">
        <v>546</v>
      </c>
      <c r="B247" s="44">
        <v>773</v>
      </c>
      <c r="C247" s="192">
        <v>0.13729810506393986</v>
      </c>
      <c r="D247" s="92">
        <v>2.4833895195027822E-2</v>
      </c>
      <c r="E247" s="192">
        <v>0.1503185653734285</v>
      </c>
      <c r="F247" s="92">
        <v>2.576785982420033E-2</v>
      </c>
      <c r="G247" s="192">
        <v>0.69595049842632672</v>
      </c>
      <c r="H247" s="92">
        <v>3.3035818971616719E-2</v>
      </c>
      <c r="I247" s="192">
        <v>1.6432831136304959E-2</v>
      </c>
      <c r="J247" s="92">
        <v>9.7759156532322752E-3</v>
      </c>
      <c r="K247" s="44">
        <v>776</v>
      </c>
      <c r="L247" s="192">
        <v>0.13180526017971744</v>
      </c>
      <c r="M247" s="92">
        <v>2.4371010824594509E-2</v>
      </c>
      <c r="N247" s="192">
        <v>0.18043293650092163</v>
      </c>
      <c r="O247" s="92">
        <v>2.7635133967777899E-2</v>
      </c>
      <c r="P247" s="192">
        <v>0.54532398515558755</v>
      </c>
      <c r="Q247" s="92">
        <v>3.5659842509118911E-2</v>
      </c>
      <c r="R247" s="192">
        <v>0.14243781816377432</v>
      </c>
      <c r="S247" s="92">
        <v>2.5161754984774614E-2</v>
      </c>
    </row>
    <row r="248" spans="1:19">
      <c r="A248" s="40" t="s">
        <v>547</v>
      </c>
      <c r="B248" s="40">
        <v>126</v>
      </c>
      <c r="C248" s="313">
        <v>0.12378957679862428</v>
      </c>
      <c r="D248" s="314">
        <v>6.0010645856145871E-2</v>
      </c>
      <c r="E248" s="313">
        <v>0.1584290493992587</v>
      </c>
      <c r="F248" s="314">
        <v>6.5726370890459185E-2</v>
      </c>
      <c r="G248" s="313">
        <v>0.68951494716344586</v>
      </c>
      <c r="H248" s="314">
        <v>8.1573052061301859E-2</v>
      </c>
      <c r="I248" s="313">
        <v>2.8266426638671655E-2</v>
      </c>
      <c r="J248" s="314">
        <v>3.549694057951807E-2</v>
      </c>
      <c r="K248" s="317">
        <v>126</v>
      </c>
      <c r="L248" s="313">
        <v>9.814459021097742E-2</v>
      </c>
      <c r="M248" s="314">
        <v>5.4995678358775953E-2</v>
      </c>
      <c r="N248" s="313">
        <v>0.20243908808178682</v>
      </c>
      <c r="O248" s="314">
        <v>7.1644946246407076E-2</v>
      </c>
      <c r="P248" s="313">
        <v>0.52156600375346418</v>
      </c>
      <c r="Q248" s="314">
        <v>8.7629129023463689E-2</v>
      </c>
      <c r="R248" s="313">
        <v>0.17785031795377218</v>
      </c>
      <c r="S248" s="314">
        <v>6.8502176483606458E-2</v>
      </c>
    </row>
    <row r="249" spans="1:19">
      <c r="A249" s="44" t="s">
        <v>548</v>
      </c>
      <c r="B249" s="44">
        <v>98</v>
      </c>
      <c r="C249" s="192">
        <v>0.24766852437234699</v>
      </c>
      <c r="D249" s="92">
        <v>8.6596817845198015E-2</v>
      </c>
      <c r="E249" s="192">
        <v>8.3634670770563982E-2</v>
      </c>
      <c r="F249" s="92">
        <v>5.9399008682618777E-2</v>
      </c>
      <c r="G249" s="192">
        <v>0.62745622555792591</v>
      </c>
      <c r="H249" s="92">
        <v>9.5999193704023517E-2</v>
      </c>
      <c r="I249" s="192">
        <v>4.1240579299162451E-2</v>
      </c>
      <c r="J249" s="92">
        <v>4.6746213561888308E-2</v>
      </c>
      <c r="K249" s="44">
        <v>99</v>
      </c>
      <c r="L249" s="192">
        <v>0.22371473234490089</v>
      </c>
      <c r="M249" s="92">
        <v>8.3487141622665101E-2</v>
      </c>
      <c r="N249" s="192">
        <v>0.12417236108503714</v>
      </c>
      <c r="O249" s="92">
        <v>6.812642725627574E-2</v>
      </c>
      <c r="P249" s="192">
        <v>0.57080939168904055</v>
      </c>
      <c r="Q249" s="92">
        <v>9.7615831672335424E-2</v>
      </c>
      <c r="R249" s="192">
        <v>8.1303514881020916E-2</v>
      </c>
      <c r="S249" s="92">
        <v>5.847409910918519E-2</v>
      </c>
    </row>
    <row r="250" spans="1:19">
      <c r="A250" s="40" t="s">
        <v>538</v>
      </c>
      <c r="B250" s="40">
        <v>125</v>
      </c>
      <c r="C250" s="313">
        <v>0.11789796890384857</v>
      </c>
      <c r="D250" s="314">
        <v>5.9170505175281163E-2</v>
      </c>
      <c r="E250" s="313">
        <v>0.19459170287308655</v>
      </c>
      <c r="F250" s="314">
        <v>7.0966863961720444E-2</v>
      </c>
      <c r="G250" s="313">
        <v>0.68751032822306579</v>
      </c>
      <c r="H250" s="314">
        <v>8.2026001509353977E-2</v>
      </c>
      <c r="I250" s="313">
        <v>0</v>
      </c>
      <c r="J250" s="314">
        <v>2.1755160342254897E-2</v>
      </c>
      <c r="K250" s="317">
        <v>124</v>
      </c>
      <c r="L250" s="313">
        <v>0.18613907450486117</v>
      </c>
      <c r="M250" s="314">
        <v>7.0167636792747151E-2</v>
      </c>
      <c r="N250" s="313">
        <v>0.15203297404671659</v>
      </c>
      <c r="O250" s="314">
        <v>6.5280230385080948E-2</v>
      </c>
      <c r="P250" s="313">
        <v>0.62400999700337101</v>
      </c>
      <c r="Q250" s="314">
        <v>8.579912178250565E-2</v>
      </c>
      <c r="R250" s="313">
        <v>3.7817954445052017E-2</v>
      </c>
      <c r="S250" s="314">
        <v>3.9342215026628109E-2</v>
      </c>
    </row>
    <row r="251" spans="1:19">
      <c r="A251" s="44" t="s">
        <v>539</v>
      </c>
      <c r="B251" s="44">
        <v>96</v>
      </c>
      <c r="C251" s="192">
        <v>0.12819577841793858</v>
      </c>
      <c r="D251" s="92">
        <v>7.0028425583318316E-2</v>
      </c>
      <c r="E251" s="192">
        <v>0.18002376264007369</v>
      </c>
      <c r="F251" s="92">
        <v>7.8903022820428201E-2</v>
      </c>
      <c r="G251" s="192">
        <v>0.69178045894198748</v>
      </c>
      <c r="H251" s="92">
        <v>9.2973929148222931E-2</v>
      </c>
      <c r="I251" s="192">
        <v>0</v>
      </c>
      <c r="J251" s="92">
        <v>2.8000000000000001E-2</v>
      </c>
      <c r="K251" s="44">
        <v>95</v>
      </c>
      <c r="L251" s="192">
        <v>0.1714249530308869</v>
      </c>
      <c r="M251" s="92">
        <v>7.8001906038550131E-2</v>
      </c>
      <c r="N251" s="192">
        <v>0.13580925354011181</v>
      </c>
      <c r="O251" s="92">
        <v>7.1877153115218251E-2</v>
      </c>
      <c r="P251" s="192">
        <v>0.65920932494206785</v>
      </c>
      <c r="Q251" s="92">
        <v>9.5697187164175176E-2</v>
      </c>
      <c r="R251" s="192">
        <v>3.3556468486933097E-2</v>
      </c>
      <c r="S251" s="92">
        <v>4.4792059077369807E-2</v>
      </c>
    </row>
    <row r="252" spans="1:19">
      <c r="A252" s="40" t="s">
        <v>540</v>
      </c>
      <c r="B252" s="40">
        <v>260</v>
      </c>
      <c r="C252" s="313">
        <v>0.18375913953028583</v>
      </c>
      <c r="D252" s="314">
        <v>4.8147392613543255E-2</v>
      </c>
      <c r="E252" s="313">
        <v>0.12948900969858335</v>
      </c>
      <c r="F252" s="314">
        <v>4.2076777337708364E-2</v>
      </c>
      <c r="G252" s="313">
        <v>0.67927685257514714</v>
      </c>
      <c r="H252" s="314">
        <v>5.7580822894797198E-2</v>
      </c>
      <c r="I252" s="313">
        <v>7.4749981959826997E-3</v>
      </c>
      <c r="J252" s="314">
        <v>1.4931342553726981E-2</v>
      </c>
      <c r="K252" s="317">
        <v>261</v>
      </c>
      <c r="L252" s="313">
        <v>0.20787711586074034</v>
      </c>
      <c r="M252" s="314">
        <v>5.0240320905347552E-2</v>
      </c>
      <c r="N252" s="313">
        <v>0.17745200230640129</v>
      </c>
      <c r="O252" s="314">
        <v>4.7436922396506279E-2</v>
      </c>
      <c r="P252" s="313">
        <v>0.56113027799543569</v>
      </c>
      <c r="Q252" s="314">
        <v>6.0982527668052185E-2</v>
      </c>
      <c r="R252" s="313">
        <v>5.3540603837420896E-2</v>
      </c>
      <c r="S252" s="314">
        <v>2.9240959067501873E-2</v>
      </c>
    </row>
    <row r="253" spans="1:19" ht="25.5">
      <c r="A253" s="44" t="s">
        <v>541</v>
      </c>
      <c r="B253" s="44">
        <v>114</v>
      </c>
      <c r="C253" s="192">
        <v>0.14113779989961547</v>
      </c>
      <c r="D253" s="92">
        <v>6.6332732638464675E-2</v>
      </c>
      <c r="E253" s="192">
        <v>0.13833532758656517</v>
      </c>
      <c r="F253" s="92">
        <v>6.5849404124132302E-2</v>
      </c>
      <c r="G253" s="192">
        <v>0.72052687251382008</v>
      </c>
      <c r="H253" s="92">
        <v>8.3282062531955123E-2</v>
      </c>
      <c r="I253" s="192">
        <v>0</v>
      </c>
      <c r="J253" s="92">
        <v>2.3765720057393202E-2</v>
      </c>
      <c r="K253" s="44">
        <v>114</v>
      </c>
      <c r="L253" s="192">
        <v>0.1795000854368422</v>
      </c>
      <c r="M253" s="92">
        <v>7.22814298598278E-2</v>
      </c>
      <c r="N253" s="192">
        <v>0.11492972188921005</v>
      </c>
      <c r="O253" s="92">
        <v>6.150742431173379E-2</v>
      </c>
      <c r="P253" s="192">
        <v>0.65265351084422851</v>
      </c>
      <c r="Q253" s="92">
        <v>8.7961855939718614E-2</v>
      </c>
      <c r="R253" s="192">
        <v>5.2916681829720223E-2</v>
      </c>
      <c r="S253" s="92">
        <v>4.63729336435518E-2</v>
      </c>
    </row>
    <row r="254" spans="1:19" ht="25.5">
      <c r="A254" s="40" t="s">
        <v>549</v>
      </c>
      <c r="B254" s="40">
        <v>65</v>
      </c>
      <c r="C254" s="313">
        <v>0.39409967200197676</v>
      </c>
      <c r="D254" s="314">
        <v>0.11796528775960043</v>
      </c>
      <c r="E254" s="313">
        <v>0.1914618155724003</v>
      </c>
      <c r="F254" s="314">
        <v>9.7956353944432112E-2</v>
      </c>
      <c r="G254" s="313">
        <v>0.41443851242562324</v>
      </c>
      <c r="H254" s="314">
        <v>0.11881136287392997</v>
      </c>
      <c r="I254" s="313">
        <v>0</v>
      </c>
      <c r="J254" s="314">
        <v>4.0393246397800862E-2</v>
      </c>
      <c r="K254" s="317">
        <v>67</v>
      </c>
      <c r="L254" s="313">
        <v>0.42429152536216719</v>
      </c>
      <c r="M254" s="314">
        <v>0.11746042017580015</v>
      </c>
      <c r="N254" s="313">
        <v>0.22851311172887456</v>
      </c>
      <c r="O254" s="314">
        <v>0.1019156610195997</v>
      </c>
      <c r="P254" s="313">
        <v>0.34719536290895847</v>
      </c>
      <c r="Q254" s="314">
        <v>0.1136358243385038</v>
      </c>
      <c r="R254" s="313">
        <v>0</v>
      </c>
      <c r="S254" s="314">
        <v>3.9271909274046654E-2</v>
      </c>
    </row>
    <row r="255" spans="1:19">
      <c r="A255" s="44" t="s">
        <v>543</v>
      </c>
      <c r="B255" s="44">
        <v>81</v>
      </c>
      <c r="C255" s="192">
        <v>0.1133267792123096</v>
      </c>
      <c r="D255" s="92">
        <v>7.3316340481526188E-2</v>
      </c>
      <c r="E255" s="192">
        <v>7.9607079183701815E-2</v>
      </c>
      <c r="F255" s="92">
        <v>6.490240586564347E-2</v>
      </c>
      <c r="G255" s="192">
        <v>0.78485334420122466</v>
      </c>
      <c r="H255" s="92">
        <v>9.1089024893960494E-2</v>
      </c>
      <c r="I255" s="192">
        <v>2.2212797402763846E-2</v>
      </c>
      <c r="J255" s="92">
        <v>4.4825984108763789E-2</v>
      </c>
      <c r="K255" s="44">
        <v>80</v>
      </c>
      <c r="L255" s="192">
        <v>0.10699645202760145</v>
      </c>
      <c r="M255" s="92">
        <v>7.2344307253376303E-2</v>
      </c>
      <c r="N255" s="192">
        <v>0.23038772554516254</v>
      </c>
      <c r="O255" s="92">
        <v>9.3622168990229723E-2</v>
      </c>
      <c r="P255" s="192">
        <v>0.57360984648252633</v>
      </c>
      <c r="Q255" s="92">
        <v>0.10803115574814642</v>
      </c>
      <c r="R255" s="192">
        <v>8.9005975944709131E-2</v>
      </c>
      <c r="S255" s="92">
        <v>6.7889310811364303E-2</v>
      </c>
    </row>
    <row r="256" spans="1:19">
      <c r="A256" s="40" t="s">
        <v>544</v>
      </c>
      <c r="B256" s="40">
        <v>112</v>
      </c>
      <c r="C256" s="313">
        <v>0.17722607513144659</v>
      </c>
      <c r="D256" s="314">
        <v>7.2606200088741954E-2</v>
      </c>
      <c r="E256" s="313">
        <v>0.11432590468658047</v>
      </c>
      <c r="F256" s="314">
        <v>6.1961297119495412E-2</v>
      </c>
      <c r="G256" s="313">
        <v>0.70844802018197262</v>
      </c>
      <c r="H256" s="314">
        <v>8.499378253862179E-2</v>
      </c>
      <c r="I256" s="313">
        <v>0</v>
      </c>
      <c r="J256" s="314">
        <v>2.4171880321350918E-2</v>
      </c>
      <c r="K256" s="317">
        <v>112</v>
      </c>
      <c r="L256" s="313">
        <v>0.27405406249811465</v>
      </c>
      <c r="M256" s="314">
        <v>8.3544026720454689E-2</v>
      </c>
      <c r="N256" s="313">
        <v>0.18686473490281394</v>
      </c>
      <c r="O256" s="314">
        <v>7.3950598072953858E-2</v>
      </c>
      <c r="P256" s="313">
        <v>0.5178108421699229</v>
      </c>
      <c r="Q256" s="314">
        <v>9.2792737966843619E-2</v>
      </c>
      <c r="R256" s="313">
        <v>2.1270360429148521E-2</v>
      </c>
      <c r="S256" s="314">
        <v>3.5404597728013167E-2</v>
      </c>
    </row>
    <row r="257" spans="1:45">
      <c r="A257" s="44" t="s">
        <v>545</v>
      </c>
      <c r="B257" s="44">
        <v>121</v>
      </c>
      <c r="C257" s="192">
        <v>0.4066012919881557</v>
      </c>
      <c r="D257" s="92">
        <v>8.7968365415309099E-2</v>
      </c>
      <c r="E257" s="192">
        <v>8.6399421225239442E-2</v>
      </c>
      <c r="F257" s="92">
        <v>5.357837722326729E-2</v>
      </c>
      <c r="G257" s="192">
        <v>0.48757607578616258</v>
      </c>
      <c r="H257" s="92">
        <v>8.9416842565214524E-2</v>
      </c>
      <c r="I257" s="192">
        <v>1.9423211000442711E-2</v>
      </c>
      <c r="J257" s="92">
        <v>3.2785612520399181E-2</v>
      </c>
      <c r="K257" s="44">
        <v>120</v>
      </c>
      <c r="L257" s="192">
        <v>0.45001053358339355</v>
      </c>
      <c r="M257" s="92">
        <v>8.9381327929866222E-2</v>
      </c>
      <c r="N257" s="192">
        <v>0.12262655215234897</v>
      </c>
      <c r="O257" s="92">
        <v>6.1336953829312382E-2</v>
      </c>
      <c r="P257" s="192">
        <v>0.37361270853486211</v>
      </c>
      <c r="Q257" s="92">
        <v>8.7074346227929283E-2</v>
      </c>
      <c r="R257" s="192">
        <v>5.3750205729395775E-2</v>
      </c>
      <c r="S257" s="92">
        <v>4.5259670234397371E-2</v>
      </c>
    </row>
    <row r="258" spans="1:45">
      <c r="P258" s="240"/>
      <c r="Q258" s="240"/>
      <c r="R258" s="240"/>
      <c r="S258" s="240"/>
      <c r="T258" s="240"/>
      <c r="U258" s="240"/>
      <c r="V258" s="240"/>
      <c r="W258" s="240"/>
      <c r="X258" s="240"/>
      <c r="Y258" s="240"/>
      <c r="Z258" s="240"/>
      <c r="AA258" s="240"/>
      <c r="AB258" s="240"/>
      <c r="AC258" s="240"/>
      <c r="AD258" s="240"/>
      <c r="AE258" s="240"/>
      <c r="AF258" s="240"/>
      <c r="AG258" s="240"/>
      <c r="AH258" s="240"/>
      <c r="AI258" s="240"/>
      <c r="AJ258" s="240"/>
      <c r="AK258" s="240"/>
      <c r="AL258" s="240"/>
      <c r="AM258" s="240"/>
      <c r="AN258" s="240"/>
      <c r="AO258" s="240"/>
      <c r="AP258" s="240"/>
      <c r="AQ258" s="240"/>
      <c r="AR258" s="240"/>
      <c r="AS258" s="240"/>
    </row>
    <row r="259" spans="1:45">
      <c r="P259" s="240"/>
      <c r="Q259" s="240"/>
      <c r="R259" s="240"/>
      <c r="S259" s="240"/>
      <c r="T259" s="240"/>
      <c r="U259" s="240"/>
      <c r="V259" s="240"/>
      <c r="W259" s="240"/>
      <c r="X259" s="240"/>
      <c r="Y259" s="240"/>
      <c r="Z259" s="240"/>
      <c r="AA259" s="240"/>
      <c r="AB259" s="240"/>
      <c r="AC259" s="240"/>
      <c r="AD259" s="240"/>
      <c r="AE259" s="240"/>
      <c r="AF259" s="240"/>
      <c r="AG259" s="240"/>
      <c r="AH259" s="240"/>
      <c r="AI259" s="240"/>
      <c r="AJ259" s="240"/>
      <c r="AK259" s="240"/>
      <c r="AL259" s="240"/>
      <c r="AM259" s="240"/>
      <c r="AN259" s="240"/>
      <c r="AO259" s="240"/>
      <c r="AP259" s="240"/>
      <c r="AQ259" s="240"/>
      <c r="AR259" s="240"/>
      <c r="AS259" s="240"/>
    </row>
    <row r="260" spans="1:45">
      <c r="P260" s="240"/>
      <c r="Q260" s="240"/>
      <c r="R260" s="240"/>
      <c r="S260" s="240"/>
      <c r="T260" s="240"/>
      <c r="U260" s="240"/>
      <c r="V260" s="240"/>
      <c r="W260" s="240"/>
      <c r="X260" s="240"/>
      <c r="Y260" s="240"/>
      <c r="Z260" s="240"/>
      <c r="AA260" s="240"/>
      <c r="AB260" s="240"/>
      <c r="AC260" s="240"/>
      <c r="AD260" s="240"/>
      <c r="AE260" s="240"/>
      <c r="AF260" s="240"/>
      <c r="AG260" s="240"/>
      <c r="AH260" s="240"/>
      <c r="AI260" s="240"/>
      <c r="AJ260" s="240"/>
      <c r="AK260" s="240"/>
      <c r="AL260" s="240"/>
      <c r="AM260" s="240"/>
      <c r="AN260" s="240"/>
      <c r="AO260" s="240"/>
      <c r="AP260" s="240"/>
      <c r="AQ260" s="240"/>
      <c r="AR260" s="240"/>
      <c r="AS260" s="240"/>
    </row>
    <row r="261" spans="1:45">
      <c r="P261" s="240"/>
      <c r="Q261" s="240"/>
      <c r="R261" s="240"/>
      <c r="S261" s="240"/>
      <c r="T261" s="240"/>
      <c r="U261" s="240"/>
      <c r="V261" s="240"/>
      <c r="W261" s="240"/>
      <c r="X261" s="240"/>
      <c r="Y261" s="240"/>
      <c r="Z261" s="240"/>
      <c r="AA261" s="240"/>
      <c r="AB261" s="240"/>
      <c r="AC261" s="240"/>
      <c r="AD261" s="240"/>
      <c r="AE261" s="240"/>
      <c r="AF261" s="240"/>
      <c r="AG261" s="240"/>
      <c r="AH261" s="240"/>
      <c r="AI261" s="240"/>
      <c r="AJ261" s="240"/>
      <c r="AK261" s="240"/>
      <c r="AL261" s="240"/>
      <c r="AM261" s="240"/>
      <c r="AN261" s="240"/>
      <c r="AO261" s="240"/>
      <c r="AP261" s="240"/>
      <c r="AQ261" s="240"/>
      <c r="AR261" s="240"/>
      <c r="AS261" s="240"/>
    </row>
    <row r="262" spans="1:45">
      <c r="P262" s="240"/>
      <c r="Q262" s="240"/>
      <c r="R262" s="240"/>
      <c r="S262" s="240"/>
      <c r="T262" s="240"/>
      <c r="U262" s="240"/>
      <c r="V262" s="240"/>
      <c r="W262" s="240"/>
      <c r="X262" s="240"/>
      <c r="Y262" s="240"/>
      <c r="Z262" s="240"/>
      <c r="AA262" s="240"/>
      <c r="AB262" s="240"/>
      <c r="AC262" s="240"/>
      <c r="AD262" s="240"/>
      <c r="AE262" s="240"/>
      <c r="AF262" s="240"/>
      <c r="AG262" s="240"/>
      <c r="AH262" s="240"/>
      <c r="AI262" s="240"/>
      <c r="AJ262" s="240"/>
      <c r="AK262" s="240"/>
      <c r="AL262" s="240"/>
      <c r="AM262" s="240"/>
      <c r="AN262" s="240"/>
      <c r="AO262" s="240"/>
      <c r="AP262" s="240"/>
      <c r="AQ262" s="240"/>
      <c r="AR262" s="240"/>
      <c r="AS262" s="240"/>
    </row>
    <row r="263" spans="1:45">
      <c r="P263" s="240"/>
      <c r="Q263" s="240"/>
      <c r="R263" s="240"/>
      <c r="S263" s="240"/>
      <c r="T263" s="240"/>
      <c r="U263" s="240"/>
      <c r="V263" s="240"/>
      <c r="W263" s="240"/>
      <c r="X263" s="240"/>
      <c r="Y263" s="240"/>
      <c r="Z263" s="240"/>
      <c r="AA263" s="240"/>
      <c r="AB263" s="240"/>
      <c r="AC263" s="240"/>
      <c r="AD263" s="240"/>
      <c r="AE263" s="240"/>
      <c r="AF263" s="240"/>
      <c r="AG263" s="240"/>
      <c r="AH263" s="240"/>
      <c r="AI263" s="240"/>
      <c r="AJ263" s="240"/>
      <c r="AK263" s="240"/>
      <c r="AL263" s="240"/>
      <c r="AM263" s="240"/>
      <c r="AN263" s="240"/>
      <c r="AO263" s="240"/>
      <c r="AP263" s="240"/>
      <c r="AQ263" s="240"/>
      <c r="AR263" s="240"/>
      <c r="AS263" s="240"/>
    </row>
    <row r="264" spans="1:45" ht="18.75">
      <c r="A264" s="419" t="s">
        <v>355</v>
      </c>
      <c r="B264" s="419"/>
      <c r="C264" s="419"/>
      <c r="D264" s="419"/>
    </row>
    <row r="265" spans="1:45" ht="85.5" customHeight="1">
      <c r="A265" s="418" t="s">
        <v>604</v>
      </c>
      <c r="B265" s="418"/>
      <c r="C265" s="418"/>
      <c r="D265" s="418"/>
    </row>
    <row r="266" spans="1:45" ht="36" customHeight="1">
      <c r="A266" s="402" t="s">
        <v>241</v>
      </c>
      <c r="B266" s="402"/>
      <c r="C266" s="402"/>
      <c r="D266" s="402"/>
    </row>
    <row r="267" spans="1:45" ht="40.5" customHeight="1">
      <c r="A267" s="32" t="s">
        <v>71</v>
      </c>
      <c r="B267" s="33" t="s">
        <v>72</v>
      </c>
      <c r="C267" s="34" t="s">
        <v>584</v>
      </c>
      <c r="D267" s="35" t="s">
        <v>73</v>
      </c>
    </row>
    <row r="268" spans="1:45" ht="72">
      <c r="A268" s="36"/>
      <c r="B268" s="37" t="s">
        <v>74</v>
      </c>
      <c r="C268" s="121" t="s">
        <v>242</v>
      </c>
      <c r="D268" s="39" t="s">
        <v>76</v>
      </c>
    </row>
    <row r="269" spans="1:45">
      <c r="A269" s="40" t="s">
        <v>350</v>
      </c>
      <c r="B269" s="199">
        <v>13336</v>
      </c>
      <c r="C269" s="200">
        <v>5.0078707272273473</v>
      </c>
      <c r="D269" s="201">
        <v>3.0424742860847169E-2</v>
      </c>
    </row>
    <row r="270" spans="1:45">
      <c r="A270" s="44" t="s">
        <v>351</v>
      </c>
      <c r="B270" s="44">
        <v>9776</v>
      </c>
      <c r="C270" s="203">
        <v>4.6624899340711865</v>
      </c>
      <c r="D270" s="204">
        <v>3.6540269743475663E-2</v>
      </c>
    </row>
    <row r="271" spans="1:45">
      <c r="A271" s="40" t="s">
        <v>352</v>
      </c>
      <c r="B271" s="48">
        <v>3560</v>
      </c>
      <c r="C271" s="200">
        <v>5.2895581924058508</v>
      </c>
      <c r="D271" s="201">
        <v>4.7369388098030055E-2</v>
      </c>
    </row>
    <row r="272" spans="1:45">
      <c r="A272" s="44" t="s">
        <v>534</v>
      </c>
      <c r="B272" s="44">
        <v>1632</v>
      </c>
      <c r="C272" s="203">
        <v>5.2351986622311806</v>
      </c>
      <c r="D272" s="204">
        <v>8.1069341333180014E-2</v>
      </c>
    </row>
    <row r="273" spans="1:4">
      <c r="A273" s="40" t="s">
        <v>535</v>
      </c>
      <c r="B273" s="48">
        <v>890</v>
      </c>
      <c r="C273" s="200">
        <v>4.8375433061159541</v>
      </c>
      <c r="D273" s="201">
        <v>0.11813930174931403</v>
      </c>
    </row>
    <row r="274" spans="1:4">
      <c r="A274" s="44" t="s">
        <v>536</v>
      </c>
      <c r="B274" s="44">
        <v>190</v>
      </c>
      <c r="C274" s="203">
        <v>5.1223411522196765</v>
      </c>
      <c r="D274" s="204">
        <v>0.24039893231982323</v>
      </c>
    </row>
    <row r="275" spans="1:4">
      <c r="A275" s="40" t="s">
        <v>537</v>
      </c>
      <c r="B275" s="48">
        <v>71</v>
      </c>
      <c r="C275" s="200">
        <v>4.8710341304391793</v>
      </c>
      <c r="D275" s="201">
        <v>0.40859935129050906</v>
      </c>
    </row>
    <row r="276" spans="1:4">
      <c r="A276" s="44" t="s">
        <v>546</v>
      </c>
      <c r="B276" s="44">
        <v>750</v>
      </c>
      <c r="C276" s="203">
        <v>5.4015557240381371</v>
      </c>
      <c r="D276" s="204">
        <v>9.767455494709025E-2</v>
      </c>
    </row>
    <row r="277" spans="1:4">
      <c r="A277" s="40" t="s">
        <v>547</v>
      </c>
      <c r="B277" s="48">
        <v>119</v>
      </c>
      <c r="C277" s="200">
        <v>5.5303765046120494</v>
      </c>
      <c r="D277" s="201">
        <v>0.22791067560382153</v>
      </c>
    </row>
    <row r="278" spans="1:4">
      <c r="A278" s="44" t="s">
        <v>548</v>
      </c>
      <c r="B278" s="44">
        <v>97</v>
      </c>
      <c r="C278" s="203">
        <v>4.9485519484477978</v>
      </c>
      <c r="D278" s="204">
        <v>0.3322167960990266</v>
      </c>
    </row>
    <row r="279" spans="1:4">
      <c r="A279" s="40" t="s">
        <v>538</v>
      </c>
      <c r="B279" s="199">
        <v>122</v>
      </c>
      <c r="C279" s="200">
        <v>4.306723798330987</v>
      </c>
      <c r="D279" s="201">
        <v>0.32545057908778208</v>
      </c>
    </row>
    <row r="280" spans="1:4">
      <c r="A280" s="44" t="s">
        <v>539</v>
      </c>
      <c r="B280" s="202">
        <v>93</v>
      </c>
      <c r="C280" s="203">
        <v>4.5054949305338994</v>
      </c>
      <c r="D280" s="204">
        <v>0.35051109586138252</v>
      </c>
    </row>
    <row r="281" spans="1:4">
      <c r="A281" s="40" t="s">
        <v>540</v>
      </c>
      <c r="B281" s="78">
        <v>249</v>
      </c>
      <c r="C281" s="200">
        <v>4.6217421948810387</v>
      </c>
      <c r="D281" s="201">
        <v>0.22980867888370288</v>
      </c>
    </row>
    <row r="282" spans="1:4" ht="25.5">
      <c r="A282" s="44" t="s">
        <v>541</v>
      </c>
      <c r="B282" s="202">
        <v>108</v>
      </c>
      <c r="C282" s="203">
        <v>4.2649571381083904</v>
      </c>
      <c r="D282" s="204">
        <v>0.33603055512774771</v>
      </c>
    </row>
    <row r="283" spans="1:4" ht="25.5">
      <c r="A283" s="52" t="s">
        <v>549</v>
      </c>
      <c r="B283" s="199">
        <v>65</v>
      </c>
      <c r="C283" s="200">
        <v>4.7417961856042092</v>
      </c>
      <c r="D283" s="201">
        <v>0.48532413983858175</v>
      </c>
    </row>
    <row r="284" spans="1:4">
      <c r="A284" s="44" t="s">
        <v>543</v>
      </c>
      <c r="B284" s="202">
        <v>76</v>
      </c>
      <c r="C284" s="203">
        <v>5.0255234995958578</v>
      </c>
      <c r="D284" s="204">
        <v>0.37844093840340404</v>
      </c>
    </row>
    <row r="285" spans="1:4">
      <c r="A285" s="52" t="s">
        <v>544</v>
      </c>
      <c r="B285" s="199">
        <v>109</v>
      </c>
      <c r="C285" s="200">
        <v>4.885133858412896</v>
      </c>
      <c r="D285" s="201">
        <v>0.33117451003187764</v>
      </c>
    </row>
    <row r="286" spans="1:4">
      <c r="A286" s="44" t="s">
        <v>545</v>
      </c>
      <c r="B286" s="202">
        <v>115</v>
      </c>
      <c r="C286" s="203">
        <v>4.8730233237897576</v>
      </c>
      <c r="D286" s="204">
        <v>0.33182030931394185</v>
      </c>
    </row>
    <row r="287" spans="1:4" s="236" customFormat="1">
      <c r="A287" s="229"/>
      <c r="B287" s="243"/>
      <c r="C287" s="244"/>
      <c r="D287" s="245"/>
    </row>
    <row r="288" spans="1:4" s="236" customFormat="1">
      <c r="A288" s="229"/>
      <c r="B288" s="243"/>
      <c r="C288" s="244"/>
      <c r="D288" s="245"/>
    </row>
    <row r="289" spans="1:49" s="236" customFormat="1">
      <c r="A289" s="229"/>
      <c r="B289" s="243"/>
      <c r="C289" s="244"/>
      <c r="D289" s="245"/>
    </row>
    <row r="290" spans="1:49" s="236" customFormat="1">
      <c r="A290" s="229"/>
      <c r="B290" s="243"/>
      <c r="C290" s="244"/>
      <c r="D290" s="245"/>
    </row>
    <row r="291" spans="1:49" s="236" customFormat="1">
      <c r="A291" s="229"/>
      <c r="B291" s="243"/>
      <c r="C291" s="244"/>
      <c r="D291" s="245"/>
    </row>
    <row r="292" spans="1:49" s="236" customFormat="1">
      <c r="A292" s="229"/>
      <c r="B292" s="243"/>
      <c r="C292" s="244"/>
      <c r="D292" s="245"/>
    </row>
    <row r="293" spans="1:49" ht="18.75">
      <c r="A293" s="333" t="s">
        <v>67</v>
      </c>
      <c r="B293" s="333"/>
      <c r="C293" s="333"/>
      <c r="D293" s="333"/>
      <c r="E293" s="333"/>
      <c r="F293" s="333"/>
      <c r="G293" s="333"/>
      <c r="H293" s="333"/>
      <c r="I293" s="333"/>
      <c r="J293" s="333"/>
      <c r="K293" s="333"/>
      <c r="L293" s="333"/>
      <c r="M293" s="333"/>
      <c r="N293" s="333"/>
      <c r="O293" s="333"/>
      <c r="P293" s="333"/>
      <c r="Q293" s="333"/>
      <c r="R293" s="333"/>
      <c r="S293" s="333"/>
      <c r="T293" s="222"/>
      <c r="U293" s="222"/>
      <c r="V293" s="222"/>
      <c r="W293" s="222"/>
      <c r="X293" s="222"/>
      <c r="Y293" s="222"/>
      <c r="Z293" s="222"/>
      <c r="AA293" s="222"/>
      <c r="AB293" s="222"/>
      <c r="AC293" s="222"/>
      <c r="AD293" s="222"/>
      <c r="AE293" s="222"/>
      <c r="AF293" s="222"/>
      <c r="AG293" s="222"/>
      <c r="AH293" s="222"/>
      <c r="AI293" s="222"/>
      <c r="AJ293" s="222"/>
      <c r="AK293" s="240"/>
      <c r="AL293" s="240"/>
      <c r="AM293" s="240"/>
      <c r="AN293" s="240"/>
      <c r="AO293" s="240"/>
      <c r="AP293" s="240"/>
      <c r="AQ293" s="240"/>
      <c r="AR293" s="240"/>
      <c r="AS293" s="240"/>
    </row>
    <row r="294" spans="1:49" ht="67.5" customHeight="1">
      <c r="A294" s="413" t="s">
        <v>421</v>
      </c>
      <c r="B294" s="413"/>
      <c r="C294" s="413"/>
      <c r="D294" s="413"/>
      <c r="E294" s="413"/>
      <c r="F294" s="413"/>
      <c r="G294" s="413"/>
      <c r="H294" s="413"/>
      <c r="I294" s="413"/>
      <c r="J294" s="413"/>
      <c r="K294" s="413"/>
      <c r="L294" s="413"/>
      <c r="M294" s="413"/>
      <c r="N294" s="413"/>
      <c r="O294" s="413"/>
      <c r="P294" s="413"/>
      <c r="Q294" s="413"/>
      <c r="R294" s="413"/>
      <c r="S294" s="413"/>
      <c r="T294" s="241"/>
      <c r="U294" s="241"/>
      <c r="V294" s="241"/>
      <c r="W294" s="241"/>
      <c r="X294" s="241"/>
      <c r="Y294" s="241"/>
      <c r="Z294" s="241"/>
      <c r="AA294" s="241"/>
      <c r="AB294" s="241"/>
      <c r="AC294" s="241"/>
      <c r="AD294" s="241"/>
      <c r="AE294" s="241"/>
      <c r="AF294" s="241"/>
      <c r="AG294" s="241"/>
      <c r="AH294" s="241"/>
      <c r="AI294" s="241"/>
      <c r="AJ294" s="241"/>
      <c r="AK294" s="240"/>
      <c r="AL294" s="240"/>
      <c r="AM294" s="240"/>
      <c r="AN294" s="240"/>
      <c r="AO294" s="240"/>
      <c r="AP294" s="240"/>
      <c r="AQ294" s="240"/>
      <c r="AR294" s="240"/>
      <c r="AS294" s="240"/>
    </row>
    <row r="295" spans="1:49" ht="33" customHeight="1">
      <c r="A295" s="59"/>
      <c r="B295" s="398" t="s">
        <v>240</v>
      </c>
      <c r="C295" s="399"/>
      <c r="D295" s="399"/>
      <c r="E295" s="399"/>
      <c r="F295" s="399"/>
      <c r="G295" s="399"/>
      <c r="H295" s="399"/>
      <c r="I295" s="399"/>
      <c r="J295" s="400"/>
      <c r="K295" s="398" t="s">
        <v>422</v>
      </c>
      <c r="L295" s="399"/>
      <c r="M295" s="399"/>
      <c r="N295" s="399"/>
      <c r="O295" s="399"/>
      <c r="P295" s="399"/>
      <c r="Q295" s="399"/>
      <c r="R295" s="399"/>
      <c r="S295" s="400"/>
      <c r="T295" s="240"/>
      <c r="U295" s="240"/>
      <c r="V295" s="240"/>
      <c r="W295" s="240"/>
      <c r="X295" s="240"/>
      <c r="Y295" s="240"/>
      <c r="Z295" s="240"/>
      <c r="AA295" s="240"/>
      <c r="AB295" s="240"/>
      <c r="AC295" s="240"/>
      <c r="AD295" s="240"/>
      <c r="AE295" s="240"/>
      <c r="AF295" s="240"/>
      <c r="AG295" s="240"/>
      <c r="AH295" s="240"/>
      <c r="AI295" s="240"/>
      <c r="AJ295" s="240"/>
      <c r="AK295" s="240"/>
      <c r="AL295" s="240"/>
      <c r="AM295" s="240"/>
      <c r="AN295" s="240"/>
      <c r="AO295" s="240"/>
      <c r="AP295" s="240"/>
      <c r="AQ295" s="240"/>
      <c r="AR295" s="240"/>
      <c r="AS295" s="240"/>
      <c r="AT295" s="240"/>
      <c r="AU295" s="240"/>
      <c r="AV295" s="240"/>
      <c r="AW295" s="240"/>
    </row>
    <row r="296" spans="1:49" ht="41.25" customHeight="1">
      <c r="A296" s="32" t="s">
        <v>71</v>
      </c>
      <c r="B296" s="33" t="s">
        <v>72</v>
      </c>
      <c r="C296" s="33" t="s">
        <v>312</v>
      </c>
      <c r="D296" s="84" t="s">
        <v>143</v>
      </c>
      <c r="E296" s="33" t="s">
        <v>313</v>
      </c>
      <c r="F296" s="84" t="s">
        <v>144</v>
      </c>
      <c r="G296" s="33" t="s">
        <v>314</v>
      </c>
      <c r="H296" s="84" t="s">
        <v>117</v>
      </c>
      <c r="I296" s="33" t="s">
        <v>301</v>
      </c>
      <c r="J296" s="84" t="s">
        <v>315</v>
      </c>
      <c r="K296" s="60" t="s">
        <v>72</v>
      </c>
      <c r="L296" s="60" t="s">
        <v>312</v>
      </c>
      <c r="M296" s="83" t="s">
        <v>143</v>
      </c>
      <c r="N296" s="60" t="s">
        <v>313</v>
      </c>
      <c r="O296" s="83" t="s">
        <v>144</v>
      </c>
      <c r="P296" s="60" t="s">
        <v>314</v>
      </c>
      <c r="Q296" s="242" t="s">
        <v>117</v>
      </c>
      <c r="R296" s="256" t="s">
        <v>301</v>
      </c>
      <c r="S296" s="83" t="s">
        <v>315</v>
      </c>
      <c r="T296" s="240"/>
      <c r="U296" s="240"/>
      <c r="V296" s="240"/>
      <c r="W296" s="240"/>
      <c r="X296" s="240"/>
      <c r="Y296" s="240"/>
      <c r="Z296" s="240"/>
      <c r="AA296" s="240"/>
      <c r="AB296" s="240"/>
      <c r="AC296" s="240"/>
      <c r="AD296" s="240"/>
      <c r="AE296" s="240"/>
      <c r="AF296" s="240"/>
      <c r="AG296" s="240"/>
      <c r="AH296" s="240"/>
      <c r="AI296" s="240"/>
      <c r="AJ296" s="240"/>
      <c r="AK296" s="240"/>
      <c r="AL296" s="240"/>
      <c r="AM296" s="240"/>
      <c r="AN296" s="240"/>
      <c r="AO296" s="240"/>
      <c r="AP296" s="240"/>
      <c r="AQ296" s="240"/>
      <c r="AR296" s="240"/>
      <c r="AS296" s="240"/>
      <c r="AT296" s="240"/>
      <c r="AU296" s="240"/>
      <c r="AV296" s="240"/>
      <c r="AW296" s="240"/>
    </row>
    <row r="297" spans="1:49" ht="72">
      <c r="A297" s="36"/>
      <c r="B297" s="37" t="s">
        <v>74</v>
      </c>
      <c r="C297" s="37" t="s">
        <v>159</v>
      </c>
      <c r="D297" s="86" t="s">
        <v>88</v>
      </c>
      <c r="E297" s="37" t="s">
        <v>160</v>
      </c>
      <c r="F297" s="86" t="s">
        <v>88</v>
      </c>
      <c r="G297" s="37" t="s">
        <v>161</v>
      </c>
      <c r="H297" s="86" t="s">
        <v>88</v>
      </c>
      <c r="I297" s="37" t="s">
        <v>301</v>
      </c>
      <c r="J297" s="86" t="s">
        <v>88</v>
      </c>
      <c r="K297" s="63" t="s">
        <v>74</v>
      </c>
      <c r="L297" s="63" t="s">
        <v>159</v>
      </c>
      <c r="M297" s="85" t="s">
        <v>88</v>
      </c>
      <c r="N297" s="63" t="s">
        <v>160</v>
      </c>
      <c r="O297" s="85" t="s">
        <v>88</v>
      </c>
      <c r="P297" s="63" t="s">
        <v>161</v>
      </c>
      <c r="Q297" s="253" t="s">
        <v>88</v>
      </c>
      <c r="R297" s="257" t="s">
        <v>301</v>
      </c>
      <c r="S297" s="85" t="s">
        <v>88</v>
      </c>
    </row>
    <row r="298" spans="1:49">
      <c r="A298" s="40" t="s">
        <v>350</v>
      </c>
      <c r="B298" s="195">
        <v>13878</v>
      </c>
      <c r="C298" s="197">
        <v>0.16339033606008055</v>
      </c>
      <c r="D298" s="89">
        <v>6.2774358812823922E-3</v>
      </c>
      <c r="E298" s="197">
        <v>0.11431845030675639</v>
      </c>
      <c r="F298" s="89">
        <v>5.4036185174879065E-3</v>
      </c>
      <c r="G298" s="197">
        <v>0.70621469489153232</v>
      </c>
      <c r="H298" s="89">
        <v>7.7323771471404035E-3</v>
      </c>
      <c r="I298" s="197">
        <v>1.6076518741640532E-2</v>
      </c>
      <c r="J298" s="89">
        <v>2.1440019009182566E-3</v>
      </c>
      <c r="K298" s="195">
        <v>13866</v>
      </c>
      <c r="L298" s="197">
        <v>0.24246825328875521</v>
      </c>
      <c r="M298" s="89">
        <v>7.2788846876738781E-3</v>
      </c>
      <c r="N298" s="197">
        <v>0.12754606611305092</v>
      </c>
      <c r="O298" s="89">
        <v>5.6669921283084594E-3</v>
      </c>
      <c r="P298" s="197">
        <v>0.60806084817354888</v>
      </c>
      <c r="Q298" s="254">
        <v>8.2905004196120579E-3</v>
      </c>
      <c r="R298" s="197">
        <v>2.1924832424661145E-2</v>
      </c>
      <c r="S298" s="89">
        <v>2.4944606318117587E-3</v>
      </c>
    </row>
    <row r="299" spans="1:49">
      <c r="A299" s="44" t="s">
        <v>351</v>
      </c>
      <c r="B299" s="196">
        <v>10196</v>
      </c>
      <c r="C299" s="198">
        <v>0.23298116959314863</v>
      </c>
      <c r="D299" s="92">
        <v>8.3726176962051844E-3</v>
      </c>
      <c r="E299" s="198">
        <v>0.1241100937099985</v>
      </c>
      <c r="F299" s="92">
        <v>6.5325001919750202E-3</v>
      </c>
      <c r="G299" s="198">
        <v>0.63229273388527618</v>
      </c>
      <c r="H299" s="92">
        <v>9.548890838625694E-3</v>
      </c>
      <c r="I299" s="198">
        <v>1.0616002811573835E-2</v>
      </c>
      <c r="J299" s="92">
        <v>2.0475817406493324E-3</v>
      </c>
      <c r="K299" s="196">
        <v>10178</v>
      </c>
      <c r="L299" s="198">
        <v>0.3143579821918957</v>
      </c>
      <c r="M299" s="92">
        <v>9.2024121563617778E-3</v>
      </c>
      <c r="N299" s="198">
        <v>0.13257185010653613</v>
      </c>
      <c r="O299" s="92">
        <v>6.7244385260997967E-3</v>
      </c>
      <c r="P299" s="198">
        <v>0.52882796947341926</v>
      </c>
      <c r="Q299" s="255">
        <v>9.8937510362868426E-3</v>
      </c>
      <c r="R299" s="198">
        <v>2.4242198228148513E-2</v>
      </c>
      <c r="S299" s="92">
        <v>3.0598250757300693E-3</v>
      </c>
    </row>
    <row r="300" spans="1:49">
      <c r="A300" s="40" t="s">
        <v>352</v>
      </c>
      <c r="B300" s="195">
        <v>3682</v>
      </c>
      <c r="C300" s="197">
        <v>0.10648612487476335</v>
      </c>
      <c r="D300" s="89">
        <v>1.0179226080639958E-2</v>
      </c>
      <c r="E300" s="197">
        <v>0.10631185352120638</v>
      </c>
      <c r="F300" s="89">
        <v>1.0171926721082273E-2</v>
      </c>
      <c r="G300" s="197">
        <v>0.76666045573060715</v>
      </c>
      <c r="H300" s="89">
        <v>1.3939114491659028E-2</v>
      </c>
      <c r="I300" s="197">
        <v>2.0541565873423859E-2</v>
      </c>
      <c r="J300" s="89">
        <v>4.730187941488751E-3</v>
      </c>
      <c r="K300" s="195">
        <v>3688</v>
      </c>
      <c r="L300" s="197">
        <v>0.18394347093250465</v>
      </c>
      <c r="M300" s="89">
        <v>1.2761866073402827E-2</v>
      </c>
      <c r="N300" s="197">
        <v>0.12345462052163975</v>
      </c>
      <c r="O300" s="89">
        <v>1.0843146443311287E-2</v>
      </c>
      <c r="P300" s="197">
        <v>0.67256362279981263</v>
      </c>
      <c r="Q300" s="254">
        <v>1.5448733445202551E-2</v>
      </c>
      <c r="R300" s="197">
        <v>2.0038285746043338E-2</v>
      </c>
      <c r="S300" s="89">
        <v>4.6706993838929569E-3</v>
      </c>
    </row>
    <row r="301" spans="1:49">
      <c r="A301" s="44" t="s">
        <v>534</v>
      </c>
      <c r="B301" s="196">
        <v>1694</v>
      </c>
      <c r="C301" s="198">
        <v>0.12194471205071215</v>
      </c>
      <c r="D301" s="92">
        <v>1.5931744157678257E-2</v>
      </c>
      <c r="E301" s="198">
        <v>9.8132211849813883E-2</v>
      </c>
      <c r="F301" s="92">
        <v>1.4500905220069476E-2</v>
      </c>
      <c r="G301" s="198">
        <v>0.76643678371685942</v>
      </c>
      <c r="H301" s="92">
        <v>2.0554475502984726E-2</v>
      </c>
      <c r="I301" s="198">
        <v>1.3486292382613507E-2</v>
      </c>
      <c r="J301" s="92">
        <v>5.827976138912329E-3</v>
      </c>
      <c r="K301" s="196">
        <v>1691</v>
      </c>
      <c r="L301" s="198">
        <v>0.19209235709829792</v>
      </c>
      <c r="M301" s="92">
        <v>1.9164853689271618E-2</v>
      </c>
      <c r="N301" s="198">
        <v>0.14386632933719859</v>
      </c>
      <c r="O301" s="92">
        <v>1.70901973375737E-2</v>
      </c>
      <c r="P301" s="198">
        <v>0.63752704659532389</v>
      </c>
      <c r="Q301" s="255">
        <v>2.3356944190870758E-2</v>
      </c>
      <c r="R301" s="198">
        <v>2.651426696917885E-2</v>
      </c>
      <c r="S301" s="92">
        <v>7.9627643831685115E-3</v>
      </c>
    </row>
    <row r="302" spans="1:49">
      <c r="A302" s="40" t="s">
        <v>535</v>
      </c>
      <c r="B302" s="195">
        <v>927</v>
      </c>
      <c r="C302" s="197">
        <v>0.18687131248038236</v>
      </c>
      <c r="D302" s="89">
        <v>2.5621482188927333E-2</v>
      </c>
      <c r="E302" s="197">
        <v>0.15287004207433502</v>
      </c>
      <c r="F302" s="89">
        <v>2.3681924372855021E-2</v>
      </c>
      <c r="G302" s="197">
        <v>0.64825966242786492</v>
      </c>
      <c r="H302" s="89">
        <v>3.1312673994635658E-2</v>
      </c>
      <c r="I302" s="197">
        <v>1.199898301741723E-2</v>
      </c>
      <c r="J302" s="89">
        <v>7.7270765776698046E-3</v>
      </c>
      <c r="K302" s="195">
        <v>924</v>
      </c>
      <c r="L302" s="197">
        <v>0.24275191105498117</v>
      </c>
      <c r="M302" s="89">
        <v>2.81921270945669E-2</v>
      </c>
      <c r="N302" s="197">
        <v>0.15602382716633306</v>
      </c>
      <c r="O302" s="89">
        <v>2.391599800652108E-2</v>
      </c>
      <c r="P302" s="197">
        <v>0.56428462377271216</v>
      </c>
      <c r="Q302" s="254">
        <v>3.2556518196275946E-2</v>
      </c>
      <c r="R302" s="197">
        <v>3.6939638005972782E-2</v>
      </c>
      <c r="S302" s="89">
        <v>1.270005563413348E-2</v>
      </c>
    </row>
    <row r="303" spans="1:49">
      <c r="A303" s="44" t="s">
        <v>536</v>
      </c>
      <c r="B303" s="196">
        <v>197</v>
      </c>
      <c r="C303" s="198">
        <v>0.15050269165352906</v>
      </c>
      <c r="D303" s="92">
        <v>5.1381876060764727E-2</v>
      </c>
      <c r="E303" s="198">
        <v>0.14617307115492736</v>
      </c>
      <c r="F303" s="92">
        <v>5.0812258043035387E-2</v>
      </c>
      <c r="G303" s="198">
        <v>0.6925503057856669</v>
      </c>
      <c r="H303" s="92">
        <v>6.53174937549134E-2</v>
      </c>
      <c r="I303" s="198">
        <v>1.077393140587617E-2</v>
      </c>
      <c r="J303" s="92">
        <v>1.999458770309176E-2</v>
      </c>
      <c r="K303" s="196">
        <v>197</v>
      </c>
      <c r="L303" s="198">
        <v>0.17869232241444827</v>
      </c>
      <c r="M303" s="92">
        <v>5.4786694593509509E-2</v>
      </c>
      <c r="N303" s="198">
        <v>0.19493971624995191</v>
      </c>
      <c r="O303" s="92">
        <v>5.6534288341525268E-2</v>
      </c>
      <c r="P303" s="198">
        <v>0.5960998137724669</v>
      </c>
      <c r="Q303" s="255">
        <v>6.9271796865839522E-2</v>
      </c>
      <c r="R303" s="198">
        <v>3.0268147563132137E-2</v>
      </c>
      <c r="S303" s="92">
        <v>2.7516296064519771E-2</v>
      </c>
    </row>
    <row r="304" spans="1:49">
      <c r="A304" s="40" t="s">
        <v>537</v>
      </c>
      <c r="B304" s="195">
        <v>73</v>
      </c>
      <c r="C304" s="197">
        <v>0.2022454715997162</v>
      </c>
      <c r="D304" s="89">
        <v>9.4061097783753059E-2</v>
      </c>
      <c r="E304" s="197">
        <v>0.19734880207374339</v>
      </c>
      <c r="F304" s="89">
        <v>9.3328554059547986E-2</v>
      </c>
      <c r="G304" s="197">
        <v>0.60040572632654043</v>
      </c>
      <c r="H304" s="89">
        <v>0.11187629845795857</v>
      </c>
      <c r="I304" s="197">
        <v>0</v>
      </c>
      <c r="J304" s="89">
        <v>3.6252631573966396E-2</v>
      </c>
      <c r="K304" s="195">
        <v>72</v>
      </c>
      <c r="L304" s="197">
        <v>0.26497819071058792</v>
      </c>
      <c r="M304" s="89">
        <v>0.10270703861853991</v>
      </c>
      <c r="N304" s="197">
        <v>0.16303432757600139</v>
      </c>
      <c r="O304" s="89">
        <v>8.8285362790912536E-2</v>
      </c>
      <c r="P304" s="197">
        <v>0.56106621155306569</v>
      </c>
      <c r="Q304" s="254">
        <v>0.11393745350357691</v>
      </c>
      <c r="R304" s="197">
        <v>1.0921270160345015E-2</v>
      </c>
      <c r="S304" s="89">
        <v>4.3114373553111929E-2</v>
      </c>
    </row>
    <row r="305" spans="1:19">
      <c r="A305" s="44" t="s">
        <v>546</v>
      </c>
      <c r="B305" s="196">
        <v>775</v>
      </c>
      <c r="C305" s="198">
        <v>9.4042887965569283E-2</v>
      </c>
      <c r="D305" s="92">
        <v>2.1122166359287719E-2</v>
      </c>
      <c r="E305" s="198">
        <v>7.4784912500593492E-2</v>
      </c>
      <c r="F305" s="92">
        <v>1.909965520139446E-2</v>
      </c>
      <c r="G305" s="198">
        <v>0.81712259526365205</v>
      </c>
      <c r="H305" s="92">
        <v>2.7795640245838096E-2</v>
      </c>
      <c r="I305" s="198">
        <v>1.4049604270185596E-2</v>
      </c>
      <c r="J305" s="92">
        <v>9.140502016370301E-3</v>
      </c>
      <c r="K305" s="196">
        <v>775</v>
      </c>
      <c r="L305" s="198">
        <v>0.1708490437768922</v>
      </c>
      <c r="M305" s="92">
        <v>2.7075646516759196E-2</v>
      </c>
      <c r="N305" s="198">
        <v>0.13779522091132257</v>
      </c>
      <c r="O305" s="92">
        <v>2.4838531534131878E-2</v>
      </c>
      <c r="P305" s="198">
        <v>0.66948277574203985</v>
      </c>
      <c r="Q305" s="255">
        <v>3.3730017631367439E-2</v>
      </c>
      <c r="R305" s="198">
        <v>2.1872959569745692E-2</v>
      </c>
      <c r="S305" s="92">
        <v>1.1039940812193611E-2</v>
      </c>
    </row>
    <row r="306" spans="1:19">
      <c r="A306" s="40" t="s">
        <v>547</v>
      </c>
      <c r="B306" s="195">
        <v>127</v>
      </c>
      <c r="C306" s="197">
        <v>6.7961716216647192E-2</v>
      </c>
      <c r="D306" s="89">
        <v>4.7716656659240513E-2</v>
      </c>
      <c r="E306" s="197">
        <v>9.3453446708860924E-2</v>
      </c>
      <c r="F306" s="89">
        <v>5.3762055034100135E-2</v>
      </c>
      <c r="G306" s="197">
        <v>0.80113648587038055</v>
      </c>
      <c r="H306" s="89">
        <v>7.093060215181117E-2</v>
      </c>
      <c r="I306" s="197">
        <v>3.7448351204111538E-2</v>
      </c>
      <c r="J306" s="89">
        <v>3.8645931503696822E-2</v>
      </c>
      <c r="K306" s="195">
        <v>126</v>
      </c>
      <c r="L306" s="197">
        <v>0.11791232428469685</v>
      </c>
      <c r="M306" s="89">
        <v>5.8927557295068454E-2</v>
      </c>
      <c r="N306" s="197">
        <v>0.11695090088841724</v>
      </c>
      <c r="O306" s="89">
        <v>5.8746863717343778E-2</v>
      </c>
      <c r="P306" s="197">
        <v>0.71151067227120957</v>
      </c>
      <c r="Q306" s="254">
        <v>7.9994983081677948E-2</v>
      </c>
      <c r="R306" s="197">
        <v>5.3626102555676784E-2</v>
      </c>
      <c r="S306" s="89">
        <v>4.3966148609151844E-2</v>
      </c>
    </row>
    <row r="307" spans="1:19">
      <c r="A307" s="44" t="s">
        <v>548</v>
      </c>
      <c r="B307" s="196">
        <v>99</v>
      </c>
      <c r="C307" s="198">
        <v>0.14316615956623177</v>
      </c>
      <c r="D307" s="92">
        <v>7.1697128771744945E-2</v>
      </c>
      <c r="E307" s="198">
        <v>0.1929904575117822</v>
      </c>
      <c r="F307" s="92">
        <v>7.9543297311773717E-2</v>
      </c>
      <c r="G307" s="198">
        <v>0.6433286854757313</v>
      </c>
      <c r="H307" s="92">
        <v>9.4719101788893229E-2</v>
      </c>
      <c r="I307" s="198">
        <v>2.0514697446254199E-2</v>
      </c>
      <c r="J307" s="92">
        <v>3.8214468687099178E-2</v>
      </c>
      <c r="K307" s="196">
        <v>99</v>
      </c>
      <c r="L307" s="198">
        <v>0.25280579019862293</v>
      </c>
      <c r="M307" s="92">
        <v>8.6697529022010611E-2</v>
      </c>
      <c r="N307" s="198">
        <v>0.12211031719443317</v>
      </c>
      <c r="O307" s="92">
        <v>6.7715949302507794E-2</v>
      </c>
      <c r="P307" s="198">
        <v>0.59618423122199038</v>
      </c>
      <c r="Q307" s="255">
        <v>9.683399807271284E-2</v>
      </c>
      <c r="R307" s="198">
        <v>2.8899661384953045E-2</v>
      </c>
      <c r="S307" s="92">
        <v>4.1788867898254527E-2</v>
      </c>
    </row>
    <row r="308" spans="1:19">
      <c r="A308" s="40" t="s">
        <v>538</v>
      </c>
      <c r="B308" s="195">
        <v>125</v>
      </c>
      <c r="C308" s="197">
        <v>0.33777494884621112</v>
      </c>
      <c r="D308" s="89">
        <v>8.3580679030160865E-2</v>
      </c>
      <c r="E308" s="197">
        <v>0.13219544378907885</v>
      </c>
      <c r="F308" s="89">
        <v>6.1751994195459736E-2</v>
      </c>
      <c r="G308" s="197">
        <v>0.52080625111048395</v>
      </c>
      <c r="H308" s="89">
        <v>8.7973486176070814E-2</v>
      </c>
      <c r="I308" s="197">
        <v>9.2233562542264873E-3</v>
      </c>
      <c r="J308" s="89">
        <v>2.7190891446840521E-2</v>
      </c>
      <c r="K308" s="195">
        <v>125</v>
      </c>
      <c r="L308" s="197">
        <v>0.31441862509783947</v>
      </c>
      <c r="M308" s="89">
        <v>8.2153624504822984E-2</v>
      </c>
      <c r="N308" s="197">
        <v>0.22813910552287223</v>
      </c>
      <c r="O308" s="89">
        <v>7.4833988033634335E-2</v>
      </c>
      <c r="P308" s="197">
        <v>0.44046809899805239</v>
      </c>
      <c r="Q308" s="254">
        <v>8.7457157813855435E-2</v>
      </c>
      <c r="R308" s="197">
        <v>1.6974170381236643E-2</v>
      </c>
      <c r="S308" s="89">
        <v>3.0969253751570572E-2</v>
      </c>
    </row>
    <row r="309" spans="1:19">
      <c r="A309" s="44" t="s">
        <v>539</v>
      </c>
      <c r="B309" s="196">
        <v>96</v>
      </c>
      <c r="C309" s="198">
        <v>0.28732851902347306</v>
      </c>
      <c r="D309" s="92">
        <v>9.1283472158063206E-2</v>
      </c>
      <c r="E309" s="198">
        <v>0.13317723824209129</v>
      </c>
      <c r="F309" s="92">
        <v>7.0990276020910514E-2</v>
      </c>
      <c r="G309" s="198">
        <v>0.56854673412725032</v>
      </c>
      <c r="H309" s="92">
        <v>9.9130160854027427E-2</v>
      </c>
      <c r="I309" s="198">
        <v>1.0947508607184891E-2</v>
      </c>
      <c r="J309" s="92">
        <v>3.4396960369510579E-2</v>
      </c>
      <c r="K309" s="196">
        <v>96</v>
      </c>
      <c r="L309" s="198">
        <v>0.27051844017090398</v>
      </c>
      <c r="M309" s="92">
        <v>8.9770128159527562E-2</v>
      </c>
      <c r="N309" s="198">
        <v>0.22519613655990597</v>
      </c>
      <c r="O309" s="92">
        <v>8.4947838641356313E-2</v>
      </c>
      <c r="P309" s="198">
        <v>0.48413821533029433</v>
      </c>
      <c r="Q309" s="255">
        <v>9.995361502820875E-2</v>
      </c>
      <c r="R309" s="198">
        <v>2.0147207938895243E-2</v>
      </c>
      <c r="S309" s="92">
        <v>3.8881142057193251E-2</v>
      </c>
    </row>
    <row r="310" spans="1:19">
      <c r="A310" s="40" t="s">
        <v>540</v>
      </c>
      <c r="B310" s="195">
        <v>263</v>
      </c>
      <c r="C310" s="197">
        <v>0.23260271244487538</v>
      </c>
      <c r="D310" s="89">
        <v>5.2019155833218082E-2</v>
      </c>
      <c r="E310" s="197">
        <v>0.14742352488830746</v>
      </c>
      <c r="F310" s="89">
        <v>4.4026988405928044E-2</v>
      </c>
      <c r="G310" s="197">
        <v>0.60410308443267258</v>
      </c>
      <c r="H310" s="89">
        <v>5.9898144899222794E-2</v>
      </c>
      <c r="I310" s="197">
        <v>1.5870678234143461E-2</v>
      </c>
      <c r="J310" s="89">
        <v>1.8395917684585761E-2</v>
      </c>
      <c r="K310" s="195">
        <v>262</v>
      </c>
      <c r="L310" s="197">
        <v>0.29060518223469467</v>
      </c>
      <c r="M310" s="89">
        <v>5.5854614955296464E-2</v>
      </c>
      <c r="N310" s="197">
        <v>0.10976334004534265</v>
      </c>
      <c r="O310" s="89">
        <v>3.9214256789276258E-2</v>
      </c>
      <c r="P310" s="197">
        <v>0.5450564680757557</v>
      </c>
      <c r="Q310" s="254">
        <v>6.1071942146941845E-2</v>
      </c>
      <c r="R310" s="197">
        <v>5.4575009644205731E-2</v>
      </c>
      <c r="S310" s="89">
        <v>2.9409919395740437E-2</v>
      </c>
    </row>
    <row r="311" spans="1:19" ht="25.5">
      <c r="A311" s="44" t="s">
        <v>541</v>
      </c>
      <c r="B311" s="196">
        <v>114</v>
      </c>
      <c r="C311" s="198">
        <v>0.27545493243248809</v>
      </c>
      <c r="D311" s="92">
        <v>8.2941660694497821E-2</v>
      </c>
      <c r="E311" s="198">
        <v>0.20826793938538407</v>
      </c>
      <c r="F311" s="92">
        <v>7.6038485916413365E-2</v>
      </c>
      <c r="G311" s="198">
        <v>0.50377273003104106</v>
      </c>
      <c r="H311" s="92">
        <v>9.2055015815429186E-2</v>
      </c>
      <c r="I311" s="198">
        <v>1.2504398151087592E-2</v>
      </c>
      <c r="J311" s="92">
        <v>3.0910999023021985E-2</v>
      </c>
      <c r="K311" s="196">
        <v>114</v>
      </c>
      <c r="L311" s="198">
        <v>0.34754239182305213</v>
      </c>
      <c r="M311" s="92">
        <v>8.7972605015908478E-2</v>
      </c>
      <c r="N311" s="198">
        <v>0.11889603079498652</v>
      </c>
      <c r="O311" s="92">
        <v>6.228411268214306E-2</v>
      </c>
      <c r="P311" s="198">
        <v>0.46596156290348595</v>
      </c>
      <c r="Q311" s="255">
        <v>9.1858144804457295E-2</v>
      </c>
      <c r="R311" s="198">
        <v>6.7600014478476189E-2</v>
      </c>
      <c r="S311" s="92">
        <v>5.0586834753432681E-2</v>
      </c>
    </row>
    <row r="312" spans="1:19" ht="25.5">
      <c r="A312" s="52" t="s">
        <v>549</v>
      </c>
      <c r="B312" s="195">
        <v>68</v>
      </c>
      <c r="C312" s="197">
        <v>0.22329256390828023</v>
      </c>
      <c r="D312" s="89">
        <v>0.10047225208850169</v>
      </c>
      <c r="E312" s="197">
        <v>0.15192196835798838</v>
      </c>
      <c r="F312" s="89">
        <v>8.8797451662525978E-2</v>
      </c>
      <c r="G312" s="197">
        <v>0.62478546773373178</v>
      </c>
      <c r="H312" s="89">
        <v>0.11453060826240558</v>
      </c>
      <c r="I312" s="197">
        <v>0</v>
      </c>
      <c r="J312" s="89">
        <v>3.8734260487688681E-2</v>
      </c>
      <c r="K312" s="195">
        <v>67</v>
      </c>
      <c r="L312" s="197">
        <v>0.28421338562149484</v>
      </c>
      <c r="M312" s="89">
        <v>0.10839026437138097</v>
      </c>
      <c r="N312" s="197">
        <v>7.9364316321439171E-2</v>
      </c>
      <c r="O312" s="89">
        <v>7.2165812431599974E-2</v>
      </c>
      <c r="P312" s="197">
        <v>0.60828964623314496</v>
      </c>
      <c r="Q312" s="254">
        <v>0.11617312114122694</v>
      </c>
      <c r="R312" s="197">
        <v>2.8132651823921356E-2</v>
      </c>
      <c r="S312" s="89">
        <v>5.3981116927334725E-2</v>
      </c>
    </row>
    <row r="313" spans="1:19">
      <c r="A313" s="44" t="s">
        <v>543</v>
      </c>
      <c r="B313" s="196">
        <v>81</v>
      </c>
      <c r="C313" s="198">
        <v>0.18038673589851303</v>
      </c>
      <c r="D313" s="92">
        <v>8.6019288403085897E-2</v>
      </c>
      <c r="E313" s="198">
        <v>6.1665169609053265E-2</v>
      </c>
      <c r="F313" s="92">
        <v>5.9614685928785625E-2</v>
      </c>
      <c r="G313" s="198">
        <v>0.72708845427213253</v>
      </c>
      <c r="H313" s="92">
        <v>9.7780113674946753E-2</v>
      </c>
      <c r="I313" s="198">
        <v>3.0859640220300966E-2</v>
      </c>
      <c r="J313" s="92">
        <v>4.8572335514246924E-2</v>
      </c>
      <c r="K313" s="196">
        <v>81</v>
      </c>
      <c r="L313" s="198">
        <v>0.21720516455556751</v>
      </c>
      <c r="M313" s="92">
        <v>9.1362713812698074E-2</v>
      </c>
      <c r="N313" s="198">
        <v>0.11678922451508104</v>
      </c>
      <c r="O313" s="92">
        <v>7.4089141755681723E-2</v>
      </c>
      <c r="P313" s="198">
        <v>0.61223436607969706</v>
      </c>
      <c r="Q313" s="255">
        <v>0.1059547316241648</v>
      </c>
      <c r="R313" s="198">
        <v>5.3771244849654065E-2</v>
      </c>
      <c r="S313" s="92">
        <v>5.7057104745375946E-2</v>
      </c>
    </row>
    <row r="314" spans="1:19">
      <c r="A314" s="52" t="s">
        <v>544</v>
      </c>
      <c r="B314" s="195">
        <v>113</v>
      </c>
      <c r="C314" s="197">
        <v>0.16471051832997052</v>
      </c>
      <c r="D314" s="89">
        <v>7.0440940262194565E-2</v>
      </c>
      <c r="E314" s="197">
        <v>0.15180324819011529</v>
      </c>
      <c r="F314" s="89">
        <v>6.8414846778009838E-2</v>
      </c>
      <c r="G314" s="197">
        <v>0.68348623347991411</v>
      </c>
      <c r="H314" s="89">
        <v>8.6448538478164028E-2</v>
      </c>
      <c r="I314" s="197">
        <v>0</v>
      </c>
      <c r="J314" s="89">
        <v>2.3967079753657358E-2</v>
      </c>
      <c r="K314" s="195">
        <v>113</v>
      </c>
      <c r="L314" s="197">
        <v>0.23544779408346264</v>
      </c>
      <c r="M314" s="89">
        <v>7.9467420054558896E-2</v>
      </c>
      <c r="N314" s="197">
        <v>0.14153448143869748</v>
      </c>
      <c r="O314" s="89">
        <v>6.6702153905258521E-2</v>
      </c>
      <c r="P314" s="197">
        <v>0.58523910003766633</v>
      </c>
      <c r="Q314" s="254">
        <v>9.1188281560394879E-2</v>
      </c>
      <c r="R314" s="197">
        <v>3.7778624440173422E-2</v>
      </c>
      <c r="S314" s="89">
        <v>4.163748070876002E-2</v>
      </c>
    </row>
    <row r="315" spans="1:19">
      <c r="A315" s="44" t="s">
        <v>545</v>
      </c>
      <c r="B315" s="196">
        <v>122</v>
      </c>
      <c r="C315" s="198">
        <v>0.1465340397631662</v>
      </c>
      <c r="D315" s="92">
        <v>6.49464942447915E-2</v>
      </c>
      <c r="E315" s="198">
        <v>0.15111965471675684</v>
      </c>
      <c r="F315" s="92">
        <v>6.5680305917989359E-2</v>
      </c>
      <c r="G315" s="198">
        <v>0.68313323347483601</v>
      </c>
      <c r="H315" s="92">
        <v>8.3296716145845343E-2</v>
      </c>
      <c r="I315" s="198">
        <v>1.9213072045241239E-2</v>
      </c>
      <c r="J315" s="92">
        <v>3.250765197577335E-2</v>
      </c>
      <c r="K315" s="196">
        <v>120</v>
      </c>
      <c r="L315" s="198">
        <v>0.23768382098352117</v>
      </c>
      <c r="M315" s="92">
        <v>7.7367568528750208E-2</v>
      </c>
      <c r="N315" s="198">
        <v>0.13649006958967344</v>
      </c>
      <c r="O315" s="92">
        <v>6.3816307833021363E-2</v>
      </c>
      <c r="P315" s="198">
        <v>0.56787374283483361</v>
      </c>
      <c r="Q315" s="255">
        <v>8.9024385393350988E-2</v>
      </c>
      <c r="R315" s="198">
        <v>5.7952366591972254E-2</v>
      </c>
      <c r="S315" s="92">
        <v>4.6488777485479749E-2</v>
      </c>
    </row>
    <row r="322" spans="1:10" ht="18.75">
      <c r="A322" s="335" t="s">
        <v>356</v>
      </c>
      <c r="B322" s="335"/>
      <c r="C322" s="335"/>
      <c r="D322" s="335"/>
      <c r="E322" s="222"/>
      <c r="F322" s="222"/>
      <c r="G322" s="222"/>
      <c r="H322" s="222"/>
      <c r="I322" s="222"/>
      <c r="J322" s="236"/>
    </row>
    <row r="323" spans="1:10" ht="147" customHeight="1">
      <c r="A323" s="415" t="s">
        <v>572</v>
      </c>
      <c r="B323" s="415"/>
      <c r="C323" s="415"/>
      <c r="D323" s="415"/>
      <c r="E323" s="258"/>
      <c r="F323" s="258"/>
      <c r="G323" s="258"/>
      <c r="H323" s="258"/>
      <c r="I323" s="258"/>
    </row>
    <row r="324" spans="1:10" ht="36" customHeight="1">
      <c r="A324" s="402" t="s">
        <v>145</v>
      </c>
      <c r="B324" s="402"/>
      <c r="C324" s="402"/>
      <c r="D324" s="402"/>
    </row>
    <row r="325" spans="1:10" ht="40.5" customHeight="1">
      <c r="A325" s="32" t="s">
        <v>71</v>
      </c>
      <c r="B325" s="33" t="s">
        <v>72</v>
      </c>
      <c r="C325" s="34" t="s">
        <v>584</v>
      </c>
      <c r="D325" s="35" t="s">
        <v>73</v>
      </c>
    </row>
    <row r="326" spans="1:10" ht="72">
      <c r="A326" s="36"/>
      <c r="B326" s="37" t="s">
        <v>74</v>
      </c>
      <c r="C326" s="121" t="s">
        <v>146</v>
      </c>
      <c r="D326" s="39" t="s">
        <v>76</v>
      </c>
    </row>
    <row r="327" spans="1:10">
      <c r="A327" s="40" t="s">
        <v>350</v>
      </c>
      <c r="B327" s="199">
        <v>11523</v>
      </c>
      <c r="C327" s="79">
        <v>3.9201570078785295</v>
      </c>
      <c r="D327" s="80">
        <v>2.5636434985028492E-2</v>
      </c>
    </row>
    <row r="328" spans="1:10">
      <c r="A328" s="44" t="s">
        <v>351</v>
      </c>
      <c r="B328" s="44">
        <v>8372</v>
      </c>
      <c r="C328" s="203">
        <v>3.6477619545416866</v>
      </c>
      <c r="D328" s="204">
        <v>2.9306209513935266E-2</v>
      </c>
    </row>
    <row r="329" spans="1:10">
      <c r="A329" s="40" t="s">
        <v>352</v>
      </c>
      <c r="B329" s="48">
        <v>3151</v>
      </c>
      <c r="C329" s="79">
        <v>4.1345471164411531</v>
      </c>
      <c r="D329" s="80">
        <v>5.0877959499426736E-2</v>
      </c>
    </row>
    <row r="330" spans="1:10">
      <c r="A330" s="44" t="s">
        <v>534</v>
      </c>
      <c r="B330" s="44">
        <v>1417</v>
      </c>
      <c r="C330" s="203">
        <v>4.0305102385733882</v>
      </c>
      <c r="D330" s="204">
        <v>7.5440362015114087E-2</v>
      </c>
    </row>
    <row r="331" spans="1:10">
      <c r="A331" s="40" t="s">
        <v>535</v>
      </c>
      <c r="B331" s="48">
        <v>767</v>
      </c>
      <c r="C331" s="79">
        <v>3.8511244120339621</v>
      </c>
      <c r="D331" s="80">
        <v>9.824951821652983E-2</v>
      </c>
    </row>
    <row r="332" spans="1:10">
      <c r="A332" s="44" t="s">
        <v>536</v>
      </c>
      <c r="B332" s="44">
        <v>148</v>
      </c>
      <c r="C332" s="203">
        <v>4.3120694840530485</v>
      </c>
      <c r="D332" s="204">
        <v>0.20587214870370918</v>
      </c>
    </row>
    <row r="333" spans="1:10">
      <c r="A333" s="40" t="s">
        <v>537</v>
      </c>
      <c r="B333" s="48">
        <v>52</v>
      </c>
      <c r="C333" s="79">
        <v>4.0230328319547679</v>
      </c>
      <c r="D333" s="80">
        <v>0.33337361828734519</v>
      </c>
    </row>
    <row r="334" spans="1:10">
      <c r="A334" s="44" t="s">
        <v>546</v>
      </c>
      <c r="B334" s="44">
        <v>652</v>
      </c>
      <c r="C334" s="203">
        <v>4.104890097398826</v>
      </c>
      <c r="D334" s="204">
        <v>0.11586263820367852</v>
      </c>
    </row>
    <row r="335" spans="1:10">
      <c r="A335" s="40" t="s">
        <v>547</v>
      </c>
      <c r="B335" s="48">
        <v>92</v>
      </c>
      <c r="C335" s="79">
        <v>3.7716142388679397</v>
      </c>
      <c r="D335" s="80">
        <v>0.32122933488342353</v>
      </c>
    </row>
    <row r="336" spans="1:10">
      <c r="A336" s="44" t="s">
        <v>548</v>
      </c>
      <c r="B336" s="44">
        <v>79</v>
      </c>
      <c r="C336" s="203">
        <v>4.0798125519160102</v>
      </c>
      <c r="D336" s="204">
        <v>0.27525324635991988</v>
      </c>
    </row>
    <row r="337" spans="1:46">
      <c r="A337" s="40" t="s">
        <v>538</v>
      </c>
      <c r="B337" s="199">
        <v>109</v>
      </c>
      <c r="C337" s="79">
        <v>3.5347511287659379</v>
      </c>
      <c r="D337" s="80">
        <v>0.23537698770515933</v>
      </c>
    </row>
    <row r="338" spans="1:46">
      <c r="A338" s="44" t="s">
        <v>539</v>
      </c>
      <c r="B338" s="202">
        <v>85</v>
      </c>
      <c r="C338" s="203">
        <v>3.399827487735803</v>
      </c>
      <c r="D338" s="204">
        <v>0.23779354367132147</v>
      </c>
    </row>
    <row r="339" spans="1:46">
      <c r="A339" s="40" t="s">
        <v>540</v>
      </c>
      <c r="B339" s="78">
        <v>221</v>
      </c>
      <c r="C339" s="79">
        <v>3.4348366125348808</v>
      </c>
      <c r="D339" s="80">
        <v>0.18117443138600353</v>
      </c>
    </row>
    <row r="340" spans="1:46" ht="25.5">
      <c r="A340" s="44" t="s">
        <v>541</v>
      </c>
      <c r="B340" s="202">
        <v>100</v>
      </c>
      <c r="C340" s="203">
        <v>3.3034730823937513</v>
      </c>
      <c r="D340" s="204">
        <v>0.22737109342493944</v>
      </c>
    </row>
    <row r="341" spans="1:46" ht="25.5">
      <c r="A341" s="52" t="s">
        <v>549</v>
      </c>
      <c r="B341" s="199">
        <v>51</v>
      </c>
      <c r="C341" s="79">
        <v>4.1653811775864051</v>
      </c>
      <c r="D341" s="80">
        <v>0.35318494100522496</v>
      </c>
    </row>
    <row r="342" spans="1:46">
      <c r="A342" s="44" t="s">
        <v>543</v>
      </c>
      <c r="B342" s="202">
        <v>70</v>
      </c>
      <c r="C342" s="203">
        <v>3.1769494660912012</v>
      </c>
      <c r="D342" s="204">
        <v>0.33976031108048393</v>
      </c>
    </row>
    <row r="343" spans="1:46">
      <c r="A343" s="52" t="s">
        <v>544</v>
      </c>
      <c r="B343" s="199">
        <v>100</v>
      </c>
      <c r="C343" s="79">
        <v>3.3635382242375318</v>
      </c>
      <c r="D343" s="80">
        <v>0.30276042400458208</v>
      </c>
    </row>
    <row r="344" spans="1:46">
      <c r="A344" s="44" t="s">
        <v>545</v>
      </c>
      <c r="B344" s="202">
        <v>108</v>
      </c>
      <c r="C344" s="203">
        <v>4.2322078999598274</v>
      </c>
      <c r="D344" s="204">
        <v>0.24983784977734025</v>
      </c>
    </row>
    <row r="351" spans="1:46" ht="18.75">
      <c r="A351" s="335" t="s">
        <v>357</v>
      </c>
      <c r="B351" s="335"/>
      <c r="C351" s="335"/>
      <c r="D351" s="335"/>
      <c r="E351" s="335"/>
      <c r="F351" s="335"/>
      <c r="G351" s="335"/>
      <c r="H351" s="335"/>
      <c r="I351" s="335"/>
      <c r="J351" s="335"/>
      <c r="K351" s="335"/>
      <c r="L351" s="335"/>
      <c r="M351" s="335"/>
      <c r="N351" s="335"/>
      <c r="O351" s="335"/>
      <c r="P351" s="335"/>
      <c r="Q351" s="335"/>
      <c r="R351" s="335"/>
      <c r="S351" s="335"/>
      <c r="T351" s="335"/>
      <c r="U351" s="335"/>
      <c r="V351" s="335"/>
      <c r="W351" s="335"/>
      <c r="X351" s="335"/>
      <c r="Y351" s="335"/>
      <c r="Z351" s="335"/>
      <c r="AA351" s="335"/>
      <c r="AB351" s="335"/>
      <c r="AC351" s="335"/>
      <c r="AD351" s="335"/>
      <c r="AE351" s="335"/>
      <c r="AF351" s="335"/>
      <c r="AG351" s="335"/>
      <c r="AH351" s="335"/>
      <c r="AI351" s="335"/>
      <c r="AJ351" s="335"/>
      <c r="AK351" s="335"/>
      <c r="AL351" s="335"/>
      <c r="AM351" s="335"/>
      <c r="AN351" s="335"/>
      <c r="AO351" s="335"/>
      <c r="AP351" s="335"/>
      <c r="AQ351" s="335"/>
      <c r="AR351" s="335"/>
      <c r="AS351" s="335"/>
      <c r="AT351" s="335"/>
    </row>
    <row r="352" spans="1:46" ht="75.75" customHeight="1">
      <c r="A352" s="415" t="s">
        <v>597</v>
      </c>
      <c r="B352" s="415"/>
      <c r="C352" s="415"/>
      <c r="D352" s="415"/>
      <c r="E352" s="415"/>
      <c r="F352" s="415"/>
      <c r="G352" s="415"/>
      <c r="H352" s="415"/>
      <c r="I352" s="415"/>
      <c r="J352" s="415"/>
      <c r="K352" s="415"/>
      <c r="L352" s="415"/>
      <c r="M352" s="415"/>
      <c r="N352" s="415"/>
      <c r="O352" s="415"/>
      <c r="P352" s="415"/>
      <c r="Q352" s="415"/>
      <c r="R352" s="415"/>
      <c r="S352" s="415"/>
      <c r="T352" s="415"/>
      <c r="U352" s="415"/>
      <c r="V352" s="415"/>
      <c r="W352" s="415"/>
      <c r="X352" s="415"/>
      <c r="Y352" s="415"/>
      <c r="Z352" s="415"/>
      <c r="AA352" s="415"/>
      <c r="AB352" s="415"/>
      <c r="AC352" s="415"/>
      <c r="AD352" s="415"/>
      <c r="AE352" s="415"/>
      <c r="AF352" s="415"/>
      <c r="AG352" s="415"/>
      <c r="AH352" s="415"/>
      <c r="AI352" s="415"/>
      <c r="AJ352" s="415"/>
      <c r="AK352" s="415"/>
      <c r="AL352" s="415"/>
      <c r="AM352" s="415"/>
      <c r="AN352" s="415"/>
      <c r="AO352" s="415"/>
      <c r="AP352" s="415"/>
      <c r="AQ352" s="415"/>
      <c r="AR352" s="415"/>
      <c r="AS352" s="415"/>
      <c r="AT352" s="415"/>
    </row>
    <row r="353" spans="1:46" ht="32.25" customHeight="1">
      <c r="A353" s="59"/>
      <c r="B353" s="398" t="s">
        <v>291</v>
      </c>
      <c r="C353" s="399"/>
      <c r="D353" s="399"/>
      <c r="E353" s="399"/>
      <c r="F353" s="399"/>
      <c r="G353" s="399"/>
      <c r="H353" s="399"/>
      <c r="I353" s="399"/>
      <c r="J353" s="400"/>
      <c r="K353" s="398" t="s">
        <v>292</v>
      </c>
      <c r="L353" s="399"/>
      <c r="M353" s="399"/>
      <c r="N353" s="399"/>
      <c r="O353" s="399"/>
      <c r="P353" s="399"/>
      <c r="Q353" s="399"/>
      <c r="R353" s="399"/>
      <c r="S353" s="400"/>
      <c r="T353" s="398" t="s">
        <v>293</v>
      </c>
      <c r="U353" s="399"/>
      <c r="V353" s="399"/>
      <c r="W353" s="399"/>
      <c r="X353" s="399"/>
      <c r="Y353" s="399"/>
      <c r="Z353" s="399"/>
      <c r="AA353" s="399"/>
      <c r="AB353" s="400"/>
      <c r="AC353" s="398" t="s">
        <v>294</v>
      </c>
      <c r="AD353" s="399"/>
      <c r="AE353" s="399"/>
      <c r="AF353" s="399"/>
      <c r="AG353" s="399"/>
      <c r="AH353" s="399"/>
      <c r="AI353" s="399"/>
      <c r="AJ353" s="399"/>
      <c r="AK353" s="400"/>
      <c r="AL353" s="398" t="s">
        <v>295</v>
      </c>
      <c r="AM353" s="399"/>
      <c r="AN353" s="399"/>
      <c r="AO353" s="399"/>
      <c r="AP353" s="399"/>
      <c r="AQ353" s="399"/>
      <c r="AR353" s="399"/>
      <c r="AS353" s="399"/>
      <c r="AT353" s="400"/>
    </row>
    <row r="354" spans="1:46" ht="60.75" customHeight="1">
      <c r="A354" s="32" t="s">
        <v>71</v>
      </c>
      <c r="B354" s="33" t="s">
        <v>72</v>
      </c>
      <c r="C354" s="33" t="s">
        <v>229</v>
      </c>
      <c r="D354" s="84" t="s">
        <v>296</v>
      </c>
      <c r="E354" s="33" t="s">
        <v>297</v>
      </c>
      <c r="F354" s="84" t="s">
        <v>270</v>
      </c>
      <c r="G354" s="33" t="s">
        <v>298</v>
      </c>
      <c r="H354" s="84" t="s">
        <v>271</v>
      </c>
      <c r="I354" s="33" t="s">
        <v>301</v>
      </c>
      <c r="J354" s="84" t="s">
        <v>315</v>
      </c>
      <c r="K354" s="60" t="s">
        <v>72</v>
      </c>
      <c r="L354" s="60" t="s">
        <v>346</v>
      </c>
      <c r="M354" s="83" t="s">
        <v>347</v>
      </c>
      <c r="N354" s="60" t="s">
        <v>343</v>
      </c>
      <c r="O354" s="83" t="s">
        <v>345</v>
      </c>
      <c r="P354" s="60" t="s">
        <v>348</v>
      </c>
      <c r="Q354" s="83" t="s">
        <v>349</v>
      </c>
      <c r="R354" s="256" t="s">
        <v>301</v>
      </c>
      <c r="S354" s="83" t="s">
        <v>315</v>
      </c>
      <c r="T354" s="33" t="s">
        <v>72</v>
      </c>
      <c r="U354" s="33" t="s">
        <v>346</v>
      </c>
      <c r="V354" s="84" t="s">
        <v>347</v>
      </c>
      <c r="W354" s="33" t="s">
        <v>343</v>
      </c>
      <c r="X354" s="84" t="s">
        <v>345</v>
      </c>
      <c r="Y354" s="33" t="s">
        <v>348</v>
      </c>
      <c r="Z354" s="84" t="s">
        <v>349</v>
      </c>
      <c r="AA354" s="33" t="s">
        <v>301</v>
      </c>
      <c r="AB354" s="84" t="s">
        <v>315</v>
      </c>
      <c r="AC354" s="60" t="s">
        <v>72</v>
      </c>
      <c r="AD354" s="60" t="s">
        <v>346</v>
      </c>
      <c r="AE354" s="83" t="s">
        <v>347</v>
      </c>
      <c r="AF354" s="60" t="s">
        <v>343</v>
      </c>
      <c r="AG354" s="83" t="s">
        <v>345</v>
      </c>
      <c r="AH354" s="60" t="s">
        <v>348</v>
      </c>
      <c r="AI354" s="83" t="s">
        <v>349</v>
      </c>
      <c r="AJ354" s="60" t="s">
        <v>301</v>
      </c>
      <c r="AK354" s="83" t="s">
        <v>315</v>
      </c>
      <c r="AL354" s="33" t="s">
        <v>72</v>
      </c>
      <c r="AM354" s="33" t="s">
        <v>346</v>
      </c>
      <c r="AN354" s="84" t="s">
        <v>347</v>
      </c>
      <c r="AO354" s="33" t="s">
        <v>343</v>
      </c>
      <c r="AP354" s="84" t="s">
        <v>345</v>
      </c>
      <c r="AQ354" s="33" t="s">
        <v>348</v>
      </c>
      <c r="AR354" s="84" t="s">
        <v>349</v>
      </c>
      <c r="AS354" s="33" t="s">
        <v>301</v>
      </c>
      <c r="AT354" s="84" t="s">
        <v>315</v>
      </c>
    </row>
    <row r="355" spans="1:46" ht="72">
      <c r="A355" s="36"/>
      <c r="B355" s="37" t="s">
        <v>74</v>
      </c>
      <c r="C355" s="37" t="s">
        <v>159</v>
      </c>
      <c r="D355" s="86" t="s">
        <v>88</v>
      </c>
      <c r="E355" s="37" t="s">
        <v>160</v>
      </c>
      <c r="F355" s="86" t="s">
        <v>88</v>
      </c>
      <c r="G355" s="37" t="s">
        <v>161</v>
      </c>
      <c r="H355" s="86" t="s">
        <v>88</v>
      </c>
      <c r="I355" s="37" t="s">
        <v>301</v>
      </c>
      <c r="J355" s="86" t="s">
        <v>88</v>
      </c>
      <c r="K355" s="63" t="s">
        <v>74</v>
      </c>
      <c r="L355" s="63" t="s">
        <v>342</v>
      </c>
      <c r="M355" s="85" t="s">
        <v>88</v>
      </c>
      <c r="N355" s="63" t="s">
        <v>344</v>
      </c>
      <c r="O355" s="85" t="s">
        <v>88</v>
      </c>
      <c r="P355" s="63" t="s">
        <v>159</v>
      </c>
      <c r="Q355" s="85" t="s">
        <v>88</v>
      </c>
      <c r="R355" s="257" t="s">
        <v>301</v>
      </c>
      <c r="S355" s="85" t="s">
        <v>88</v>
      </c>
      <c r="T355" s="37" t="s">
        <v>74</v>
      </c>
      <c r="U355" s="37" t="s">
        <v>342</v>
      </c>
      <c r="V355" s="86" t="s">
        <v>88</v>
      </c>
      <c r="W355" s="37" t="s">
        <v>344</v>
      </c>
      <c r="X355" s="86" t="s">
        <v>88</v>
      </c>
      <c r="Y355" s="37" t="s">
        <v>159</v>
      </c>
      <c r="Z355" s="86" t="s">
        <v>88</v>
      </c>
      <c r="AA355" s="37" t="s">
        <v>301</v>
      </c>
      <c r="AB355" s="86" t="s">
        <v>88</v>
      </c>
      <c r="AC355" s="63" t="s">
        <v>74</v>
      </c>
      <c r="AD355" s="63" t="s">
        <v>342</v>
      </c>
      <c r="AE355" s="85" t="s">
        <v>88</v>
      </c>
      <c r="AF355" s="63" t="s">
        <v>344</v>
      </c>
      <c r="AG355" s="85" t="s">
        <v>88</v>
      </c>
      <c r="AH355" s="63" t="s">
        <v>159</v>
      </c>
      <c r="AI355" s="85" t="s">
        <v>88</v>
      </c>
      <c r="AJ355" s="63" t="s">
        <v>301</v>
      </c>
      <c r="AK355" s="85" t="s">
        <v>88</v>
      </c>
      <c r="AL355" s="37" t="s">
        <v>74</v>
      </c>
      <c r="AM355" s="37" t="s">
        <v>342</v>
      </c>
      <c r="AN355" s="86" t="s">
        <v>88</v>
      </c>
      <c r="AO355" s="37" t="s">
        <v>344</v>
      </c>
      <c r="AP355" s="86" t="s">
        <v>88</v>
      </c>
      <c r="AQ355" s="37" t="s">
        <v>159</v>
      </c>
      <c r="AR355" s="86" t="s">
        <v>88</v>
      </c>
      <c r="AS355" s="37" t="s">
        <v>301</v>
      </c>
      <c r="AT355" s="86" t="s">
        <v>88</v>
      </c>
    </row>
    <row r="356" spans="1:46">
      <c r="A356" s="40" t="s">
        <v>350</v>
      </c>
      <c r="B356" s="199">
        <v>13815</v>
      </c>
      <c r="C356" s="205">
        <v>0.17605007959171437</v>
      </c>
      <c r="D356" s="89">
        <v>6.4811358179529301E-3</v>
      </c>
      <c r="E356" s="205">
        <v>0.16946925553153369</v>
      </c>
      <c r="F356" s="89">
        <v>6.3842891049194304E-3</v>
      </c>
      <c r="G356" s="205">
        <v>0.63870561427551786</v>
      </c>
      <c r="H356" s="89">
        <v>8.1730308757066942E-3</v>
      </c>
      <c r="I356" s="205">
        <v>1.5775050601248168E-2</v>
      </c>
      <c r="J356" s="89">
        <v>2.1291887836995919E-3</v>
      </c>
      <c r="K356" s="199">
        <v>13921</v>
      </c>
      <c r="L356" s="205">
        <v>0.43128119612438104</v>
      </c>
      <c r="M356" s="89">
        <v>8.3939011557169537E-3</v>
      </c>
      <c r="N356" s="205">
        <v>0.1965196850115149</v>
      </c>
      <c r="O356" s="89">
        <v>6.7359024248441375E-3</v>
      </c>
      <c r="P356" s="205">
        <v>0.31453606611118429</v>
      </c>
      <c r="Q356" s="89">
        <v>7.8700922431527674E-3</v>
      </c>
      <c r="R356" s="205">
        <v>5.766305275293792E-2</v>
      </c>
      <c r="S356" s="89">
        <v>3.9548771967590525E-3</v>
      </c>
      <c r="T356" s="199">
        <v>13959</v>
      </c>
      <c r="U356" s="205">
        <v>0.46530097545906712</v>
      </c>
      <c r="V356" s="89">
        <v>8.4423413112719187E-3</v>
      </c>
      <c r="W356" s="205">
        <v>0.14101964844660053</v>
      </c>
      <c r="X356" s="89">
        <v>5.8925645984896653E-3</v>
      </c>
      <c r="Y356" s="205">
        <v>0.2613093717616628</v>
      </c>
      <c r="Z356" s="89">
        <v>7.4368004297950176E-3</v>
      </c>
      <c r="AA356" s="205">
        <v>0.13237000433268897</v>
      </c>
      <c r="AB356" s="89">
        <v>5.7378479356672771E-3</v>
      </c>
      <c r="AC356" s="199">
        <v>13948</v>
      </c>
      <c r="AD356" s="205">
        <v>0.44480379197614073</v>
      </c>
      <c r="AE356" s="89">
        <v>8.4143540884781837E-3</v>
      </c>
      <c r="AF356" s="205">
        <v>0.16659488456625371</v>
      </c>
      <c r="AG356" s="89">
        <v>6.3105951983046978E-3</v>
      </c>
      <c r="AH356" s="205">
        <v>0.25628978034163385</v>
      </c>
      <c r="AI356" s="89">
        <v>7.3929551400165189E-3</v>
      </c>
      <c r="AJ356" s="205">
        <v>0.1323115431159905</v>
      </c>
      <c r="AK356" s="89">
        <v>5.7390379031784225E-3</v>
      </c>
      <c r="AL356" s="199">
        <v>13958</v>
      </c>
      <c r="AM356" s="205">
        <v>0.33216717297934245</v>
      </c>
      <c r="AN356" s="89">
        <v>7.9723106183940337E-3</v>
      </c>
      <c r="AO356" s="205">
        <v>0.17903716103535486</v>
      </c>
      <c r="AP356" s="89">
        <v>6.4904781822776054E-3</v>
      </c>
      <c r="AQ356" s="205">
        <v>0.28159880985013375</v>
      </c>
      <c r="AR356" s="89">
        <v>7.6135015105054148E-3</v>
      </c>
      <c r="AS356" s="205">
        <v>0.2071968561351886</v>
      </c>
      <c r="AT356" s="89">
        <v>6.861125455814774E-3</v>
      </c>
    </row>
    <row r="357" spans="1:46">
      <c r="A357" s="44" t="s">
        <v>351</v>
      </c>
      <c r="B357" s="202">
        <v>10146</v>
      </c>
      <c r="C357" s="206">
        <v>0.17890590456310965</v>
      </c>
      <c r="D357" s="92">
        <v>7.6107217103005302E-3</v>
      </c>
      <c r="E357" s="206">
        <v>0.17435877600897257</v>
      </c>
      <c r="F357" s="92">
        <v>7.53425953443684E-3</v>
      </c>
      <c r="G357" s="206">
        <v>0.63467323718153379</v>
      </c>
      <c r="H357" s="92">
        <v>9.5593023108101489E-3</v>
      </c>
      <c r="I357" s="206">
        <v>1.2062082246376926E-2</v>
      </c>
      <c r="J357" s="92">
        <v>2.184062594288781E-3</v>
      </c>
      <c r="K357" s="202">
        <v>10142</v>
      </c>
      <c r="L357" s="206">
        <v>0.46804500608368454</v>
      </c>
      <c r="M357" s="92">
        <v>9.9075100559377436E-3</v>
      </c>
      <c r="N357" s="206">
        <v>0.18959537622605446</v>
      </c>
      <c r="O357" s="92">
        <v>7.7849300255473609E-3</v>
      </c>
      <c r="P357" s="206">
        <v>0.28124422579891456</v>
      </c>
      <c r="Q357" s="92">
        <v>8.9280285035615893E-3</v>
      </c>
      <c r="R357" s="206">
        <v>6.1115391891346259E-2</v>
      </c>
      <c r="S357" s="92">
        <v>4.7625315480819518E-3</v>
      </c>
      <c r="T357" s="202">
        <v>10176</v>
      </c>
      <c r="U357" s="206">
        <v>0.56522380655885374</v>
      </c>
      <c r="V357" s="92">
        <v>9.8265747207698408E-3</v>
      </c>
      <c r="W357" s="206">
        <v>0.12027747431701769</v>
      </c>
      <c r="X357" s="92">
        <v>6.4513927761144828E-3</v>
      </c>
      <c r="Y357" s="206">
        <v>0.18078926181125976</v>
      </c>
      <c r="Z357" s="92">
        <v>7.630580702799949E-3</v>
      </c>
      <c r="AA357" s="206">
        <v>0.13370945731286588</v>
      </c>
      <c r="AB357" s="92">
        <v>6.7494205460137471E-3</v>
      </c>
      <c r="AC357" s="202">
        <v>10161</v>
      </c>
      <c r="AD357" s="206">
        <v>0.52526685976089205</v>
      </c>
      <c r="AE357" s="92">
        <v>9.9058447500712226E-3</v>
      </c>
      <c r="AF357" s="206">
        <v>0.15841249905892282</v>
      </c>
      <c r="AG357" s="92">
        <v>7.245529966462042E-3</v>
      </c>
      <c r="AH357" s="206">
        <v>0.18203124717061997</v>
      </c>
      <c r="AI357" s="92">
        <v>7.6565588255011431E-3</v>
      </c>
      <c r="AJ357" s="206">
        <v>0.1342893940095623</v>
      </c>
      <c r="AK357" s="92">
        <v>6.7667480904239682E-3</v>
      </c>
      <c r="AL357" s="202">
        <v>10165</v>
      </c>
      <c r="AM357" s="206">
        <v>0.38645328584310518</v>
      </c>
      <c r="AN357" s="92">
        <v>9.6576725982852451E-3</v>
      </c>
      <c r="AO357" s="206">
        <v>0.17138669573291548</v>
      </c>
      <c r="AP357" s="92">
        <v>7.4762740252015646E-3</v>
      </c>
      <c r="AQ357" s="206">
        <v>0.21890347432413532</v>
      </c>
      <c r="AR357" s="92">
        <v>8.2025420700415439E-3</v>
      </c>
      <c r="AS357" s="206">
        <v>0.22325654409984214</v>
      </c>
      <c r="AT357" s="92">
        <v>8.2605162700504671E-3</v>
      </c>
    </row>
    <row r="358" spans="1:46">
      <c r="A358" s="40" t="s">
        <v>352</v>
      </c>
      <c r="B358" s="199">
        <v>3669</v>
      </c>
      <c r="C358" s="205">
        <v>0.1737197336605466</v>
      </c>
      <c r="D358" s="89">
        <v>1.2512903649788814E-2</v>
      </c>
      <c r="E358" s="205">
        <v>0.16547941922711129</v>
      </c>
      <c r="F358" s="89">
        <v>1.2274187699993633E-2</v>
      </c>
      <c r="G358" s="205">
        <v>0.64199602375366893</v>
      </c>
      <c r="H358" s="89">
        <v>1.5822353760000834E-2</v>
      </c>
      <c r="I358" s="205">
        <v>1.8804823358672732E-2</v>
      </c>
      <c r="J358" s="89">
        <v>4.5434351275649449E-3</v>
      </c>
      <c r="K358" s="199">
        <v>3779</v>
      </c>
      <c r="L358" s="205">
        <v>0.40215772574423952</v>
      </c>
      <c r="M358" s="89">
        <v>1.5944893310416271E-2</v>
      </c>
      <c r="N358" s="205">
        <v>0.20200496801235687</v>
      </c>
      <c r="O358" s="89">
        <v>1.3063081311942658E-2</v>
      </c>
      <c r="P358" s="205">
        <v>0.34090911956530839</v>
      </c>
      <c r="Q358" s="89">
        <v>1.5415424161120156E-2</v>
      </c>
      <c r="R358" s="205">
        <v>5.4928186678095001E-2</v>
      </c>
      <c r="S358" s="89">
        <v>7.438514404945311E-3</v>
      </c>
      <c r="T358" s="199">
        <v>3783</v>
      </c>
      <c r="U358" s="205">
        <v>0.38586221827091144</v>
      </c>
      <c r="V358" s="89">
        <v>1.5821825218067829E-2</v>
      </c>
      <c r="W358" s="205">
        <v>0.15750969897957753</v>
      </c>
      <c r="X358" s="89">
        <v>1.1850136162261415E-2</v>
      </c>
      <c r="Y358" s="205">
        <v>0.32532294496320185</v>
      </c>
      <c r="Z358" s="89">
        <v>1.5228298704807647E-2</v>
      </c>
      <c r="AA358" s="205">
        <v>0.13130513778630981</v>
      </c>
      <c r="AB358" s="89">
        <v>1.0990122562692011E-2</v>
      </c>
      <c r="AC358" s="199">
        <v>3787</v>
      </c>
      <c r="AD358" s="205">
        <v>0.38108302459246834</v>
      </c>
      <c r="AE358" s="89">
        <v>1.5776351014167397E-2</v>
      </c>
      <c r="AF358" s="205">
        <v>0.17307472554062964</v>
      </c>
      <c r="AG358" s="89">
        <v>1.2298292518352566E-2</v>
      </c>
      <c r="AH358" s="205">
        <v>0.31509701760853898</v>
      </c>
      <c r="AI358" s="89">
        <v>1.5092539554168909E-2</v>
      </c>
      <c r="AJ358" s="205">
        <v>0.13074523225836387</v>
      </c>
      <c r="AK358" s="89">
        <v>1.0964487741235469E-2</v>
      </c>
      <c r="AL358" s="199">
        <v>3793</v>
      </c>
      <c r="AM358" s="205">
        <v>0.28915283208325138</v>
      </c>
      <c r="AN358" s="89">
        <v>1.4718393877672481E-2</v>
      </c>
      <c r="AO358" s="205">
        <v>0.1850991114158935</v>
      </c>
      <c r="AP358" s="89">
        <v>1.2614343958275053E-2</v>
      </c>
      <c r="AQ358" s="205">
        <v>0.33127631285493792</v>
      </c>
      <c r="AR358" s="89">
        <v>1.5278720826906535E-2</v>
      </c>
      <c r="AS358" s="205">
        <v>0.19447174364591735</v>
      </c>
      <c r="AT358" s="89">
        <v>1.2854365769488301E-2</v>
      </c>
    </row>
    <row r="359" spans="1:46">
      <c r="A359" s="44" t="s">
        <v>534</v>
      </c>
      <c r="B359" s="202">
        <v>1684</v>
      </c>
      <c r="C359" s="206">
        <v>0.17558663933897062</v>
      </c>
      <c r="D359" s="92">
        <v>1.8552740712328031E-2</v>
      </c>
      <c r="E359" s="206">
        <v>0.17080214871111843</v>
      </c>
      <c r="F359" s="92">
        <v>1.8352897537783398E-2</v>
      </c>
      <c r="G359" s="206">
        <v>0.63600480887874289</v>
      </c>
      <c r="H359" s="92">
        <v>2.3426311465178401E-2</v>
      </c>
      <c r="I359" s="206">
        <v>1.7606403071167134E-2</v>
      </c>
      <c r="J359" s="92">
        <v>6.6028091671927651E-3</v>
      </c>
      <c r="K359" s="202">
        <v>1706</v>
      </c>
      <c r="L359" s="206">
        <v>0.36875233206265257</v>
      </c>
      <c r="M359" s="92">
        <v>2.3338573078143177E-2</v>
      </c>
      <c r="N359" s="206">
        <v>0.22107555546142663</v>
      </c>
      <c r="O359" s="92">
        <v>2.0091294542008149E-2</v>
      </c>
      <c r="P359" s="206">
        <v>0.34444324956509687</v>
      </c>
      <c r="Q359" s="92">
        <v>2.2988182651942198E-2</v>
      </c>
      <c r="R359" s="206">
        <v>6.5728862910823457E-2</v>
      </c>
      <c r="S359" s="92">
        <v>1.2070925545397708E-2</v>
      </c>
      <c r="T359" s="202">
        <v>1708</v>
      </c>
      <c r="U359" s="206">
        <v>0.42734103202175411</v>
      </c>
      <c r="V359" s="92">
        <v>2.3913068578252043E-2</v>
      </c>
      <c r="W359" s="206">
        <v>0.13636607007504703</v>
      </c>
      <c r="X359" s="92">
        <v>1.6631488169502696E-2</v>
      </c>
      <c r="Y359" s="206">
        <v>0.28700149894537019</v>
      </c>
      <c r="Z359" s="92">
        <v>2.1877066928890927E-2</v>
      </c>
      <c r="AA359" s="206">
        <v>0.14929139895782764</v>
      </c>
      <c r="AB359" s="92">
        <v>1.7264947189600824E-2</v>
      </c>
      <c r="AC359" s="202">
        <v>1712</v>
      </c>
      <c r="AD359" s="206">
        <v>0.4112444165844506</v>
      </c>
      <c r="AE359" s="92">
        <v>2.3758650923575236E-2</v>
      </c>
      <c r="AF359" s="206">
        <v>0.17514802590131598</v>
      </c>
      <c r="AG359" s="92">
        <v>1.8382278211118375E-2</v>
      </c>
      <c r="AH359" s="206">
        <v>0.26995910447470339</v>
      </c>
      <c r="AI359" s="92">
        <v>2.14469370998265E-2</v>
      </c>
      <c r="AJ359" s="206">
        <v>0.14364845303952956</v>
      </c>
      <c r="AK359" s="92">
        <v>1.6974195161648099E-2</v>
      </c>
      <c r="AL359" s="202">
        <v>1716</v>
      </c>
      <c r="AM359" s="206">
        <v>0.3143057464514652</v>
      </c>
      <c r="AN359" s="92">
        <v>2.2395900827034177E-2</v>
      </c>
      <c r="AO359" s="206">
        <v>0.16820805489486598</v>
      </c>
      <c r="AP359" s="92">
        <v>1.8071276013201118E-2</v>
      </c>
      <c r="AQ359" s="206">
        <v>0.30686595248278659</v>
      </c>
      <c r="AR359" s="92">
        <v>2.2249772920882621E-2</v>
      </c>
      <c r="AS359" s="206">
        <v>0.2106202461708819</v>
      </c>
      <c r="AT359" s="92">
        <v>1.9686401665762555E-2</v>
      </c>
    </row>
    <row r="360" spans="1:46">
      <c r="A360" s="40" t="s">
        <v>535</v>
      </c>
      <c r="B360" s="199">
        <v>920</v>
      </c>
      <c r="C360" s="205">
        <v>0.14443427775827186</v>
      </c>
      <c r="D360" s="89">
        <v>2.3230936773719242E-2</v>
      </c>
      <c r="E360" s="205">
        <v>0.17112181737299817</v>
      </c>
      <c r="F360" s="89">
        <v>2.4860961563762045E-2</v>
      </c>
      <c r="G360" s="205">
        <v>0.67334547564740244</v>
      </c>
      <c r="H360" s="89">
        <v>3.087546164600791E-2</v>
      </c>
      <c r="I360" s="205">
        <v>1.1098429221327229E-2</v>
      </c>
      <c r="J360" s="89">
        <v>7.5134087984308666E-3</v>
      </c>
      <c r="K360" s="199">
        <v>921</v>
      </c>
      <c r="L360" s="205">
        <v>0.37566297109024582</v>
      </c>
      <c r="M360" s="89">
        <v>3.1856008445736383E-2</v>
      </c>
      <c r="N360" s="205">
        <v>0.18978037417120841</v>
      </c>
      <c r="O360" s="89">
        <v>2.5855674049332422E-2</v>
      </c>
      <c r="P360" s="205">
        <v>0.37576329347274451</v>
      </c>
      <c r="Q360" s="89">
        <v>3.1857686377666998E-2</v>
      </c>
      <c r="R360" s="205">
        <v>5.8793361265801029E-2</v>
      </c>
      <c r="S360" s="89">
        <v>1.5702179052856164E-2</v>
      </c>
      <c r="T360" s="199">
        <v>922</v>
      </c>
      <c r="U360" s="205">
        <v>0.55001114551695307</v>
      </c>
      <c r="V360" s="89">
        <v>3.2698666530952596E-2</v>
      </c>
      <c r="W360" s="205">
        <v>0.11150509985540979</v>
      </c>
      <c r="X360" s="89">
        <v>2.0822484567847986E-2</v>
      </c>
      <c r="Y360" s="205">
        <v>0.20129571701190455</v>
      </c>
      <c r="Z360" s="89">
        <v>2.6416249522804948E-2</v>
      </c>
      <c r="AA360" s="205">
        <v>0.13718803761573206</v>
      </c>
      <c r="AB360" s="89">
        <v>2.2720219419251651E-2</v>
      </c>
      <c r="AC360" s="199">
        <v>922</v>
      </c>
      <c r="AD360" s="205">
        <v>0.51876814179091146</v>
      </c>
      <c r="AE360" s="89">
        <v>3.2839079694094178E-2</v>
      </c>
      <c r="AF360" s="205">
        <v>0.16102751310330488</v>
      </c>
      <c r="AG360" s="89">
        <v>2.424569931175834E-2</v>
      </c>
      <c r="AH360" s="205">
        <v>0.18644552574398424</v>
      </c>
      <c r="AI360" s="89">
        <v>2.5668693520716688E-2</v>
      </c>
      <c r="AJ360" s="205">
        <v>0.13375881936179868</v>
      </c>
      <c r="AK360" s="89">
        <v>2.2483371128807557E-2</v>
      </c>
      <c r="AL360" s="199">
        <v>924</v>
      </c>
      <c r="AM360" s="205">
        <v>0.34161855565639676</v>
      </c>
      <c r="AN360" s="89">
        <v>3.1151126293869614E-2</v>
      </c>
      <c r="AO360" s="205">
        <v>0.16532531692485</v>
      </c>
      <c r="AP360" s="89">
        <v>2.4473450986777185E-2</v>
      </c>
      <c r="AQ360" s="205">
        <v>0.26109800570445652</v>
      </c>
      <c r="AR360" s="89">
        <v>2.8873743843560538E-2</v>
      </c>
      <c r="AS360" s="205">
        <v>0.23195812171429608</v>
      </c>
      <c r="AT360" s="89">
        <v>2.7759091597057427E-2</v>
      </c>
    </row>
    <row r="361" spans="1:46">
      <c r="A361" s="44" t="s">
        <v>536</v>
      </c>
      <c r="B361" s="202">
        <v>198</v>
      </c>
      <c r="C361" s="206">
        <v>0.10985403210092541</v>
      </c>
      <c r="D361" s="92">
        <v>4.532713002971675E-2</v>
      </c>
      <c r="E361" s="206">
        <v>0.14666445498886385</v>
      </c>
      <c r="F361" s="92">
        <v>5.0746786377105127E-2</v>
      </c>
      <c r="G361" s="206">
        <v>0.74348151291021058</v>
      </c>
      <c r="H361" s="92">
        <v>6.1827187808129964E-2</v>
      </c>
      <c r="I361" s="206">
        <v>0</v>
      </c>
      <c r="J361" s="92">
        <v>1.3932624648124592E-2</v>
      </c>
      <c r="K361" s="202">
        <v>197</v>
      </c>
      <c r="L361" s="206">
        <v>0.21017809817902294</v>
      </c>
      <c r="M361" s="92">
        <v>5.8046670815713054E-2</v>
      </c>
      <c r="N361" s="206">
        <v>0.20933811207804481</v>
      </c>
      <c r="O361" s="92">
        <v>5.7966325636538626E-2</v>
      </c>
      <c r="P361" s="206">
        <v>0.49065252048470187</v>
      </c>
      <c r="Q361" s="92">
        <v>7.0522720328927882E-2</v>
      </c>
      <c r="R361" s="206">
        <v>8.9831269258229651E-2</v>
      </c>
      <c r="S361" s="92">
        <v>4.1940740031343036E-2</v>
      </c>
      <c r="T361" s="202">
        <v>198</v>
      </c>
      <c r="U361" s="206">
        <v>0.39250144626482042</v>
      </c>
      <c r="V361" s="92">
        <v>6.8779629525338615E-2</v>
      </c>
      <c r="W361" s="206">
        <v>0.13787085069581673</v>
      </c>
      <c r="X361" s="92">
        <v>4.9553376155783875E-2</v>
      </c>
      <c r="Y361" s="206">
        <v>0.24593102676538525</v>
      </c>
      <c r="Z361" s="92">
        <v>6.1011299414972291E-2</v>
      </c>
      <c r="AA361" s="206">
        <v>0.22369667627397707</v>
      </c>
      <c r="AB361" s="92">
        <v>5.91440670346913E-2</v>
      </c>
      <c r="AC361" s="202">
        <v>196</v>
      </c>
      <c r="AD361" s="206">
        <v>0.3325389490016375</v>
      </c>
      <c r="AE361" s="92">
        <v>6.6793309135143517E-2</v>
      </c>
      <c r="AF361" s="206">
        <v>0.1988687909933759</v>
      </c>
      <c r="AG361" s="92">
        <v>5.7080806434686146E-2</v>
      </c>
      <c r="AH361" s="206">
        <v>0.24946319895548993</v>
      </c>
      <c r="AI361" s="92">
        <v>6.1598206369019741E-2</v>
      </c>
      <c r="AJ361" s="206">
        <v>0.21912906104949614</v>
      </c>
      <c r="AK361" s="92">
        <v>5.9031432243034906E-2</v>
      </c>
      <c r="AL361" s="202">
        <v>196</v>
      </c>
      <c r="AM361" s="206">
        <v>0.23028640237776751</v>
      </c>
      <c r="AN361" s="92">
        <v>6.0022544777353221E-2</v>
      </c>
      <c r="AO361" s="206">
        <v>0.144850294451912</v>
      </c>
      <c r="AP361" s="92">
        <v>5.0766817244692772E-2</v>
      </c>
      <c r="AQ361" s="206">
        <v>0.31863945537201238</v>
      </c>
      <c r="AR361" s="92">
        <v>6.6092490054361103E-2</v>
      </c>
      <c r="AS361" s="206">
        <v>0.30622384779830747</v>
      </c>
      <c r="AT361" s="92">
        <v>6.5412193212813982E-2</v>
      </c>
    </row>
    <row r="362" spans="1:46">
      <c r="A362" s="40" t="s">
        <v>537</v>
      </c>
      <c r="B362" s="199">
        <v>73</v>
      </c>
      <c r="C362" s="205">
        <v>0.17306140949417062</v>
      </c>
      <c r="D362" s="89">
        <v>8.9421820175724656E-2</v>
      </c>
      <c r="E362" s="205">
        <v>0.17587131072585152</v>
      </c>
      <c r="F362" s="89">
        <v>8.9898165345191863E-2</v>
      </c>
      <c r="G362" s="205">
        <v>0.65106727977997825</v>
      </c>
      <c r="H362" s="89">
        <v>0.1091854464168048</v>
      </c>
      <c r="I362" s="205">
        <v>0</v>
      </c>
      <c r="J362" s="89">
        <v>3.6252631573966396E-2</v>
      </c>
      <c r="K362" s="199">
        <v>72</v>
      </c>
      <c r="L362" s="205">
        <v>0.29128460972751269</v>
      </c>
      <c r="M362" s="89">
        <v>0.10535721214933352</v>
      </c>
      <c r="N362" s="205">
        <v>0.16692503731133854</v>
      </c>
      <c r="O362" s="89">
        <v>8.8980051389041651E-2</v>
      </c>
      <c r="P362" s="205">
        <v>0.37416670872931468</v>
      </c>
      <c r="Q362" s="89">
        <v>0.11139991021358697</v>
      </c>
      <c r="R362" s="205">
        <v>0.16762364423183423</v>
      </c>
      <c r="S362" s="89">
        <v>8.9103364684133171E-2</v>
      </c>
      <c r="T362" s="199">
        <v>73</v>
      </c>
      <c r="U362" s="205">
        <v>0.44537014361033939</v>
      </c>
      <c r="V362" s="89">
        <v>0.11334755074834447</v>
      </c>
      <c r="W362" s="205">
        <v>0.11015440146373751</v>
      </c>
      <c r="X362" s="89">
        <v>7.675238124258002E-2</v>
      </c>
      <c r="Y362" s="205">
        <v>0.18478169953873494</v>
      </c>
      <c r="Z362" s="89">
        <v>9.1365590104594399E-2</v>
      </c>
      <c r="AA362" s="205">
        <v>0.25969375538718831</v>
      </c>
      <c r="AB362" s="89">
        <v>0.10144329112018866</v>
      </c>
      <c r="AC362" s="199">
        <v>73</v>
      </c>
      <c r="AD362" s="205">
        <v>0.36359020517006685</v>
      </c>
      <c r="AE362" s="89">
        <v>0.11008271124084282</v>
      </c>
      <c r="AF362" s="205">
        <v>0.1504413830494522</v>
      </c>
      <c r="AG362" s="89">
        <v>8.53333327913776E-2</v>
      </c>
      <c r="AH362" s="205">
        <v>0.19544278749906763</v>
      </c>
      <c r="AI362" s="89">
        <v>9.3038600692254794E-2</v>
      </c>
      <c r="AJ362" s="205">
        <v>0.2905256242814136</v>
      </c>
      <c r="AK362" s="89">
        <v>0.10458600716174656</v>
      </c>
      <c r="AL362" s="199">
        <v>72</v>
      </c>
      <c r="AM362" s="205">
        <v>0.16686968189408827</v>
      </c>
      <c r="AN362" s="89">
        <v>8.8970262043697512E-2</v>
      </c>
      <c r="AO362" s="205">
        <v>0.14263937656671366</v>
      </c>
      <c r="AP362" s="89">
        <v>8.4412030971066407E-2</v>
      </c>
      <c r="AQ362" s="205">
        <v>0.25986993657795732</v>
      </c>
      <c r="AR362" s="89">
        <v>0.10214735336005198</v>
      </c>
      <c r="AS362" s="205">
        <v>0.43062100496124101</v>
      </c>
      <c r="AT362" s="89">
        <v>0.11371244893681463</v>
      </c>
    </row>
    <row r="363" spans="1:46">
      <c r="A363" s="44" t="s">
        <v>546</v>
      </c>
      <c r="B363" s="202">
        <v>772</v>
      </c>
      <c r="C363" s="206">
        <v>0.18868608285937238</v>
      </c>
      <c r="D363" s="92">
        <v>2.8182048791969509E-2</v>
      </c>
      <c r="E363" s="206">
        <v>0.16966652689439393</v>
      </c>
      <c r="F363" s="92">
        <v>2.7054912443388753E-2</v>
      </c>
      <c r="G363" s="206">
        <v>0.62135095386354922</v>
      </c>
      <c r="H363" s="92">
        <v>3.4835798161642569E-2</v>
      </c>
      <c r="I363" s="206">
        <v>2.0296436382685624E-2</v>
      </c>
      <c r="J363" s="92">
        <v>1.0709544266318032E-2</v>
      </c>
      <c r="K363" s="202">
        <v>793</v>
      </c>
      <c r="L363" s="206">
        <v>0.36502852874466968</v>
      </c>
      <c r="M363" s="92">
        <v>3.4120246570022161E-2</v>
      </c>
      <c r="N363" s="206">
        <v>0.23375829827558053</v>
      </c>
      <c r="O363" s="92">
        <v>3.0041801525302565E-2</v>
      </c>
      <c r="P363" s="206">
        <v>0.33217381360598502</v>
      </c>
      <c r="Q363" s="92">
        <v>3.3388055489276668E-2</v>
      </c>
      <c r="R363" s="206">
        <v>6.9039359373766762E-2</v>
      </c>
      <c r="S363" s="92">
        <v>1.8218320470504278E-2</v>
      </c>
      <c r="T363" s="202">
        <v>794</v>
      </c>
      <c r="U363" s="206">
        <v>0.37541430831229677</v>
      </c>
      <c r="V363" s="92">
        <v>3.4294436471818651E-2</v>
      </c>
      <c r="W363" s="206">
        <v>0.14602887150101995</v>
      </c>
      <c r="X363" s="92">
        <v>2.5126984557789257E-2</v>
      </c>
      <c r="Y363" s="206">
        <v>0.32142673738965327</v>
      </c>
      <c r="Z363" s="92">
        <v>3.3089115791358641E-2</v>
      </c>
      <c r="AA363" s="206">
        <v>0.15713008279703172</v>
      </c>
      <c r="AB363" s="92">
        <v>2.5879594955449413E-2</v>
      </c>
      <c r="AC363" s="202">
        <v>798</v>
      </c>
      <c r="AD363" s="206">
        <v>0.36422309279313636</v>
      </c>
      <c r="AE363" s="92">
        <v>3.3997804449528067E-2</v>
      </c>
      <c r="AF363" s="206">
        <v>0.18128838503088265</v>
      </c>
      <c r="AG363" s="92">
        <v>2.730027153105313E-2</v>
      </c>
      <c r="AH363" s="206">
        <v>0.30322759610486322</v>
      </c>
      <c r="AI363" s="92">
        <v>3.2491386629300782E-2</v>
      </c>
      <c r="AJ363" s="206">
        <v>0.15126092607111932</v>
      </c>
      <c r="AK363" s="92">
        <v>2.5423219648984911E-2</v>
      </c>
      <c r="AL363" s="202">
        <v>800</v>
      </c>
      <c r="AM363" s="206">
        <v>0.30243892073252471</v>
      </c>
      <c r="AN363" s="92">
        <v>3.2427263871036546E-2</v>
      </c>
      <c r="AO363" s="206">
        <v>0.1684593733998794</v>
      </c>
      <c r="AP363" s="92">
        <v>2.6501836551733753E-2</v>
      </c>
      <c r="AQ363" s="206">
        <v>0.3242351630764283</v>
      </c>
      <c r="AR363" s="92">
        <v>3.303950245633902E-2</v>
      </c>
      <c r="AS363" s="206">
        <v>0.20486654279116995</v>
      </c>
      <c r="AT363" s="92">
        <v>2.8543480885312479E-2</v>
      </c>
    </row>
    <row r="364" spans="1:46">
      <c r="A364" s="40" t="s">
        <v>547</v>
      </c>
      <c r="B364" s="199">
        <v>127</v>
      </c>
      <c r="C364" s="205">
        <v>0.27753022830967811</v>
      </c>
      <c r="D364" s="89">
        <v>7.8824090026356777E-2</v>
      </c>
      <c r="E364" s="205">
        <v>0.13786828341765472</v>
      </c>
      <c r="F364" s="89">
        <v>6.2210395109644864E-2</v>
      </c>
      <c r="G364" s="205">
        <v>0.52499813549959251</v>
      </c>
      <c r="H364" s="89">
        <v>8.7267715292961165E-2</v>
      </c>
      <c r="I364" s="205">
        <v>5.960335277307529E-2</v>
      </c>
      <c r="J364" s="89">
        <v>4.5470967703531505E-2</v>
      </c>
      <c r="K364" s="199">
        <v>125</v>
      </c>
      <c r="L364" s="205">
        <v>0.40601164406125145</v>
      </c>
      <c r="M364" s="89">
        <v>8.6572195735731231E-2</v>
      </c>
      <c r="N364" s="205">
        <v>0.17142894332628206</v>
      </c>
      <c r="O364" s="89">
        <v>6.7887820898464193E-2</v>
      </c>
      <c r="P364" s="205">
        <v>0.30855126428189339</v>
      </c>
      <c r="Q364" s="89">
        <v>8.1760696648681852E-2</v>
      </c>
      <c r="R364" s="205">
        <v>0.11400814833057352</v>
      </c>
      <c r="S364" s="89">
        <v>5.8430827487427818E-2</v>
      </c>
      <c r="T364" s="199">
        <v>127</v>
      </c>
      <c r="U364" s="205">
        <v>0.43176850644931042</v>
      </c>
      <c r="V364" s="89">
        <v>8.6602439945793017E-2</v>
      </c>
      <c r="W364" s="205">
        <v>0.10111647660848273</v>
      </c>
      <c r="X364" s="89">
        <v>5.5384875156088649E-2</v>
      </c>
      <c r="Y364" s="205">
        <v>0.24211441366470535</v>
      </c>
      <c r="Z364" s="89">
        <v>7.5663859137399397E-2</v>
      </c>
      <c r="AA364" s="205">
        <v>0.22500060327750179</v>
      </c>
      <c r="AB364" s="89">
        <v>7.3914149447093194E-2</v>
      </c>
      <c r="AC364" s="199">
        <v>127</v>
      </c>
      <c r="AD364" s="205">
        <v>0.40226261228234755</v>
      </c>
      <c r="AE364" s="89">
        <v>8.5787214373358428E-2</v>
      </c>
      <c r="AF364" s="205">
        <v>0.12139624553908006</v>
      </c>
      <c r="AG364" s="89">
        <v>5.9329379619008006E-2</v>
      </c>
      <c r="AH364" s="205">
        <v>0.23420793826352765</v>
      </c>
      <c r="AI364" s="89">
        <v>7.4874538936824983E-2</v>
      </c>
      <c r="AJ364" s="205">
        <v>0.24213320391504506</v>
      </c>
      <c r="AK364" s="89">
        <v>7.566569696003872E-2</v>
      </c>
      <c r="AL364" s="199">
        <v>127</v>
      </c>
      <c r="AM364" s="205">
        <v>0.33466322840017398</v>
      </c>
      <c r="AN364" s="89">
        <v>8.2759221121800272E-2</v>
      </c>
      <c r="AO364" s="205">
        <v>0.14676442626191863</v>
      </c>
      <c r="AP364" s="89">
        <v>6.3661357294264739E-2</v>
      </c>
      <c r="AQ364" s="205">
        <v>0.22877765485449042</v>
      </c>
      <c r="AR364" s="89">
        <v>7.4313584317348275E-2</v>
      </c>
      <c r="AS364" s="205">
        <v>0.28979469048341749</v>
      </c>
      <c r="AT364" s="89">
        <v>7.9784237519884851E-2</v>
      </c>
    </row>
    <row r="365" spans="1:46">
      <c r="A365" s="44" t="s">
        <v>548</v>
      </c>
      <c r="B365" s="202">
        <v>98</v>
      </c>
      <c r="C365" s="206">
        <v>0.11110135794611395</v>
      </c>
      <c r="D365" s="92">
        <v>6.579450633814915E-2</v>
      </c>
      <c r="E365" s="206">
        <v>0.21516140100912914</v>
      </c>
      <c r="F365" s="92">
        <v>8.2866671835019723E-2</v>
      </c>
      <c r="G365" s="206">
        <v>0.6528059056053569</v>
      </c>
      <c r="H365" s="92">
        <v>9.4650190056462649E-2</v>
      </c>
      <c r="I365" s="206">
        <v>2.0931335439399436E-2</v>
      </c>
      <c r="J365" s="92">
        <v>3.8674506580142785E-2</v>
      </c>
      <c r="K365" s="202">
        <v>99</v>
      </c>
      <c r="L365" s="206">
        <v>0.32194529735164168</v>
      </c>
      <c r="M365" s="92">
        <v>9.2581345003269908E-2</v>
      </c>
      <c r="N365" s="206">
        <v>0.24505889558722793</v>
      </c>
      <c r="O365" s="92">
        <v>8.5888879136385765E-2</v>
      </c>
      <c r="P365" s="206">
        <v>0.38389630401300573</v>
      </c>
      <c r="Q365" s="92">
        <v>9.6047439200434168E-2</v>
      </c>
      <c r="R365" s="206">
        <v>4.9099503048124042E-2</v>
      </c>
      <c r="S365" s="92">
        <v>4.9137525633604837E-2</v>
      </c>
      <c r="T365" s="202">
        <v>99</v>
      </c>
      <c r="U365" s="206">
        <v>0.42369838049257103</v>
      </c>
      <c r="V365" s="92">
        <v>9.746724055641616E-2</v>
      </c>
      <c r="W365" s="206">
        <v>0.13860127879200601</v>
      </c>
      <c r="X365" s="92">
        <v>7.0872064953514072E-2</v>
      </c>
      <c r="Y365" s="206">
        <v>0.26166944300660072</v>
      </c>
      <c r="Z365" s="92">
        <v>8.7583445645505381E-2</v>
      </c>
      <c r="AA365" s="206">
        <v>0.17603089770882174</v>
      </c>
      <c r="AB365" s="92">
        <v>7.7092216059186716E-2</v>
      </c>
      <c r="AC365" s="202">
        <v>97</v>
      </c>
      <c r="AD365" s="206">
        <v>0.5080021380872447</v>
      </c>
      <c r="AE365" s="92">
        <v>9.9491964423423354E-2</v>
      </c>
      <c r="AF365" s="206">
        <v>0.13764288083070636</v>
      </c>
      <c r="AG365" s="92">
        <v>7.1446604255988519E-2</v>
      </c>
      <c r="AH365" s="206">
        <v>0.21761330623950756</v>
      </c>
      <c r="AI365" s="92">
        <v>8.3594708010497745E-2</v>
      </c>
      <c r="AJ365" s="206">
        <v>0.13674167484254085</v>
      </c>
      <c r="AK365" s="92">
        <v>7.1279238227787062E-2</v>
      </c>
      <c r="AL365" s="202">
        <v>99</v>
      </c>
      <c r="AM365" s="206">
        <v>0.28633199795746511</v>
      </c>
      <c r="AN365" s="92">
        <v>8.983762581537906E-2</v>
      </c>
      <c r="AO365" s="206">
        <v>0.14464317180385899</v>
      </c>
      <c r="AP365" s="92">
        <v>7.1959836223711132E-2</v>
      </c>
      <c r="AQ365" s="206">
        <v>0.30732771403982495</v>
      </c>
      <c r="AR365" s="92">
        <v>9.1525308320821674E-2</v>
      </c>
      <c r="AS365" s="206">
        <v>0.26169711619885044</v>
      </c>
      <c r="AT365" s="92">
        <v>8.7586147137939649E-2</v>
      </c>
    </row>
    <row r="366" spans="1:46">
      <c r="A366" s="40" t="s">
        <v>538</v>
      </c>
      <c r="B366" s="199">
        <v>124</v>
      </c>
      <c r="C366" s="205">
        <v>0.14004414208717778</v>
      </c>
      <c r="D366" s="89">
        <v>6.3345102074273976E-2</v>
      </c>
      <c r="E366" s="205">
        <v>0.14930233307486795</v>
      </c>
      <c r="F366" s="89">
        <v>6.4850270686624023E-2</v>
      </c>
      <c r="G366" s="205">
        <v>0.70142399652522525</v>
      </c>
      <c r="H366" s="89">
        <v>8.1379604236764075E-2</v>
      </c>
      <c r="I366" s="205">
        <v>9.2295283127299382E-3</v>
      </c>
      <c r="J366" s="89">
        <v>2.7364788055842686E-2</v>
      </c>
      <c r="K366" s="199">
        <v>124</v>
      </c>
      <c r="L366" s="205">
        <v>0.47176386047037161</v>
      </c>
      <c r="M366" s="89">
        <v>8.8255979224603903E-2</v>
      </c>
      <c r="N366" s="205">
        <v>0.21306401977236317</v>
      </c>
      <c r="O366" s="89">
        <v>7.3470467430617192E-2</v>
      </c>
      <c r="P366" s="205">
        <v>0.24275889739515238</v>
      </c>
      <c r="Q366" s="89">
        <v>7.6627794530901253E-2</v>
      </c>
      <c r="R366" s="205">
        <v>7.2413222362113588E-2</v>
      </c>
      <c r="S366" s="89">
        <v>4.9503126637755877E-2</v>
      </c>
      <c r="T366" s="199">
        <v>124</v>
      </c>
      <c r="U366" s="205">
        <v>0.72891479220522837</v>
      </c>
      <c r="V366" s="89">
        <v>7.9219230615829972E-2</v>
      </c>
      <c r="W366" s="205">
        <v>0.1130443273276763</v>
      </c>
      <c r="X366" s="89">
        <v>5.8490784634548675E-2</v>
      </c>
      <c r="Y366" s="205">
        <v>0.1020239702812613</v>
      </c>
      <c r="Z366" s="89">
        <v>5.6280398594355484E-2</v>
      </c>
      <c r="AA366" s="205">
        <v>5.6016910185834726E-2</v>
      </c>
      <c r="AB366" s="89">
        <v>4.5071670877006996E-2</v>
      </c>
      <c r="AC366" s="199">
        <v>125</v>
      </c>
      <c r="AD366" s="205">
        <v>0.56207421117834555</v>
      </c>
      <c r="AE366" s="89">
        <v>8.7405682702184587E-2</v>
      </c>
      <c r="AF366" s="205">
        <v>0.21196294360001114</v>
      </c>
      <c r="AG366" s="89">
        <v>7.305090553662108E-2</v>
      </c>
      <c r="AH366" s="205">
        <v>0.14194558746071123</v>
      </c>
      <c r="AI366" s="89">
        <v>6.3398418853328364E-2</v>
      </c>
      <c r="AJ366" s="205">
        <v>8.4017257760932773E-2</v>
      </c>
      <c r="AK366" s="89">
        <v>5.2095096876527157E-2</v>
      </c>
      <c r="AL366" s="199">
        <v>125</v>
      </c>
      <c r="AM366" s="205">
        <v>0.47881305535473251</v>
      </c>
      <c r="AN366" s="89">
        <v>8.7970840784008936E-2</v>
      </c>
      <c r="AO366" s="205">
        <v>0.20016761776117986</v>
      </c>
      <c r="AP366" s="89">
        <v>7.165578055862179E-2</v>
      </c>
      <c r="AQ366" s="205">
        <v>0.16495851225040054</v>
      </c>
      <c r="AR366" s="89">
        <v>6.696075130647404E-2</v>
      </c>
      <c r="AS366" s="205">
        <v>0.15606081463368773</v>
      </c>
      <c r="AT366" s="89">
        <v>6.5634215730702647E-2</v>
      </c>
    </row>
    <row r="367" spans="1:46">
      <c r="A367" s="44" t="s">
        <v>539</v>
      </c>
      <c r="B367" s="202">
        <v>96</v>
      </c>
      <c r="C367" s="206">
        <v>0.15516438779066333</v>
      </c>
      <c r="D367" s="92">
        <v>7.4942930273353622E-2</v>
      </c>
      <c r="E367" s="206">
        <v>0.12856756488510934</v>
      </c>
      <c r="F367" s="92">
        <v>7.0101118726275446E-2</v>
      </c>
      <c r="G367" s="206">
        <v>0.70532053871704203</v>
      </c>
      <c r="H367" s="92">
        <v>9.1901805821796051E-2</v>
      </c>
      <c r="I367" s="206">
        <v>1.0947508607184891E-2</v>
      </c>
      <c r="J367" s="92">
        <v>3.4396960369510579E-2</v>
      </c>
      <c r="K367" s="202">
        <v>96</v>
      </c>
      <c r="L367" s="206">
        <v>0.51583799686750043</v>
      </c>
      <c r="M367" s="92">
        <v>9.9953754082450635E-2</v>
      </c>
      <c r="N367" s="206">
        <v>0.20439000039826469</v>
      </c>
      <c r="O367" s="92">
        <v>8.2332431872170958E-2</v>
      </c>
      <c r="P367" s="206">
        <v>0.19470404433634894</v>
      </c>
      <c r="Q367" s="92">
        <v>8.1018936084378018E-2</v>
      </c>
      <c r="R367" s="206">
        <v>8.5067958397885446E-2</v>
      </c>
      <c r="S367" s="92">
        <v>6.0441515211024296E-2</v>
      </c>
      <c r="T367" s="202">
        <v>95</v>
      </c>
      <c r="U367" s="206">
        <v>0.77123565807941319</v>
      </c>
      <c r="V367" s="92">
        <v>8.5813061999760479E-2</v>
      </c>
      <c r="W367" s="206">
        <v>9.7437299252908519E-2</v>
      </c>
      <c r="X367" s="92">
        <v>6.3809758198649605E-2</v>
      </c>
      <c r="Y367" s="206">
        <v>7.325046799289131E-2</v>
      </c>
      <c r="Z367" s="92">
        <v>5.7666373516026201E-2</v>
      </c>
      <c r="AA367" s="206">
        <v>5.8076574674786878E-2</v>
      </c>
      <c r="AB367" s="92">
        <v>5.3244770357471077E-2</v>
      </c>
      <c r="AC367" s="202">
        <v>96</v>
      </c>
      <c r="AD367" s="206">
        <v>0.5880698689154954</v>
      </c>
      <c r="AE367" s="92">
        <v>9.8559990310708459E-2</v>
      </c>
      <c r="AF367" s="206">
        <v>0.20991325378557057</v>
      </c>
      <c r="AG367" s="92">
        <v>8.3053492349097605E-2</v>
      </c>
      <c r="AH367" s="206">
        <v>0.11460142572760544</v>
      </c>
      <c r="AI367" s="92">
        <v>6.7264508482622318E-2</v>
      </c>
      <c r="AJ367" s="206">
        <v>8.7415451571328101E-2</v>
      </c>
      <c r="AK367" s="92">
        <v>6.1031044412073708E-2</v>
      </c>
      <c r="AL367" s="202">
        <v>96</v>
      </c>
      <c r="AM367" s="206">
        <v>0.51820788898649051</v>
      </c>
      <c r="AN367" s="92">
        <v>9.9938874220757368E-2</v>
      </c>
      <c r="AO367" s="206">
        <v>0.19215495193630538</v>
      </c>
      <c r="AP367" s="92">
        <v>8.0662576838149896E-2</v>
      </c>
      <c r="AQ367" s="206">
        <v>0.15784826030318722</v>
      </c>
      <c r="AR367" s="92">
        <v>7.5395040568961777E-2</v>
      </c>
      <c r="AS367" s="206">
        <v>0.13178889877401637</v>
      </c>
      <c r="AT367" s="92">
        <v>7.072482197224024E-2</v>
      </c>
    </row>
    <row r="368" spans="1:46">
      <c r="A368" s="40" t="s">
        <v>540</v>
      </c>
      <c r="B368" s="199">
        <v>262</v>
      </c>
      <c r="C368" s="205">
        <v>0.18512693292487423</v>
      </c>
      <c r="D368" s="89">
        <v>4.809363329957933E-2</v>
      </c>
      <c r="E368" s="205">
        <v>0.1724709428397723</v>
      </c>
      <c r="F368" s="89">
        <v>4.6844292218973078E-2</v>
      </c>
      <c r="G368" s="205">
        <v>0.63507649128580701</v>
      </c>
      <c r="H368" s="89">
        <v>5.9103446617070135E-2</v>
      </c>
      <c r="I368" s="205">
        <v>7.3256329495448433E-3</v>
      </c>
      <c r="J368" s="89">
        <v>1.4775091483094832E-2</v>
      </c>
      <c r="K368" s="199">
        <v>261</v>
      </c>
      <c r="L368" s="205">
        <v>0.50369937262550935</v>
      </c>
      <c r="M368" s="89">
        <v>6.1427880667294793E-2</v>
      </c>
      <c r="N368" s="205">
        <v>0.17000240465419011</v>
      </c>
      <c r="O368" s="89">
        <v>4.6680653341244563E-2</v>
      </c>
      <c r="P368" s="205">
        <v>0.27175257086947568</v>
      </c>
      <c r="Q368" s="89">
        <v>5.4870547848816426E-2</v>
      </c>
      <c r="R368" s="205">
        <v>5.4545651850824377E-2</v>
      </c>
      <c r="S368" s="89">
        <v>2.9464539744854624E-2</v>
      </c>
      <c r="T368" s="199">
        <v>259</v>
      </c>
      <c r="U368" s="205">
        <v>0.69622373879487454</v>
      </c>
      <c r="V368" s="89">
        <v>5.6871351671677055E-2</v>
      </c>
      <c r="W368" s="205">
        <v>5.7022461992154619E-2</v>
      </c>
      <c r="X368" s="89">
        <v>3.0131386710191568E-2</v>
      </c>
      <c r="Y368" s="205">
        <v>0.14559715008234242</v>
      </c>
      <c r="Z368" s="89">
        <v>4.4154953641857911E-2</v>
      </c>
      <c r="AA368" s="205">
        <v>0.1011566491306278</v>
      </c>
      <c r="AB368" s="89">
        <v>3.8156372007249514E-2</v>
      </c>
      <c r="AC368" s="199">
        <v>261</v>
      </c>
      <c r="AD368" s="205">
        <v>0.61171388306716434</v>
      </c>
      <c r="AE368" s="89">
        <v>5.9923714947140862E-2</v>
      </c>
      <c r="AF368" s="205">
        <v>0.13822893757349944</v>
      </c>
      <c r="AG368" s="89">
        <v>4.3095842686209487E-2</v>
      </c>
      <c r="AH368" s="205">
        <v>0.14597513308540308</v>
      </c>
      <c r="AI368" s="89">
        <v>4.4027691758285907E-2</v>
      </c>
      <c r="AJ368" s="205">
        <v>0.10408204627393204</v>
      </c>
      <c r="AK368" s="89">
        <v>3.8450235684772516E-2</v>
      </c>
      <c r="AL368" s="199">
        <v>261</v>
      </c>
      <c r="AM368" s="205">
        <v>0.43424451940232134</v>
      </c>
      <c r="AN368" s="89">
        <v>6.091203195571783E-2</v>
      </c>
      <c r="AO368" s="205">
        <v>0.16640148902625337</v>
      </c>
      <c r="AP368" s="89">
        <v>4.6304376817858699E-2</v>
      </c>
      <c r="AQ368" s="205">
        <v>0.19602624273540883</v>
      </c>
      <c r="AR368" s="89">
        <v>4.9200143867916844E-2</v>
      </c>
      <c r="AS368" s="205">
        <v>0.20332774883601545</v>
      </c>
      <c r="AT368" s="89">
        <v>4.9848458880670181E-2</v>
      </c>
    </row>
    <row r="369" spans="1:46" ht="25.5">
      <c r="A369" s="44" t="s">
        <v>541</v>
      </c>
      <c r="B369" s="202">
        <v>114</v>
      </c>
      <c r="C369" s="206">
        <v>0.12991663418616661</v>
      </c>
      <c r="D369" s="92">
        <v>6.4352435102757552E-2</v>
      </c>
      <c r="E369" s="206">
        <v>0.16223676096803694</v>
      </c>
      <c r="F369" s="92">
        <v>6.9750016061044307E-2</v>
      </c>
      <c r="G369" s="206">
        <v>0.70784660484579764</v>
      </c>
      <c r="H369" s="92">
        <v>8.4307543458451831E-2</v>
      </c>
      <c r="I369" s="206">
        <v>0</v>
      </c>
      <c r="J369" s="92">
        <v>2.3765720057393202E-2</v>
      </c>
      <c r="K369" s="202">
        <v>112</v>
      </c>
      <c r="L369" s="206">
        <v>0.5143217224830936</v>
      </c>
      <c r="M369" s="92">
        <v>9.2812155493235377E-2</v>
      </c>
      <c r="N369" s="206">
        <v>0.20506768306321238</v>
      </c>
      <c r="O369" s="92">
        <v>7.6318404784031485E-2</v>
      </c>
      <c r="P369" s="206">
        <v>0.24287577906413774</v>
      </c>
      <c r="Q369" s="92">
        <v>8.0594350519234997E-2</v>
      </c>
      <c r="R369" s="206">
        <v>3.7734815389557294E-2</v>
      </c>
      <c r="S369" s="92">
        <v>4.1851127439252934E-2</v>
      </c>
      <c r="T369" s="202">
        <v>112</v>
      </c>
      <c r="U369" s="206">
        <v>0.78648217274143817</v>
      </c>
      <c r="V369" s="92">
        <v>7.7346180263615449E-2</v>
      </c>
      <c r="W369" s="206">
        <v>2.152070184123488E-2</v>
      </c>
      <c r="X369" s="92">
        <v>3.5513216820030467E-2</v>
      </c>
      <c r="Y369" s="206">
        <v>9.8658015317712719E-2</v>
      </c>
      <c r="Z369" s="92">
        <v>5.8675534001537299E-2</v>
      </c>
      <c r="AA369" s="206">
        <v>9.3339110099614986E-2</v>
      </c>
      <c r="AB369" s="92">
        <v>5.7486226824898901E-2</v>
      </c>
      <c r="AC369" s="202">
        <v>113</v>
      </c>
      <c r="AD369" s="206">
        <v>0.65011049218931016</v>
      </c>
      <c r="AE369" s="92">
        <v>8.8478348651642363E-2</v>
      </c>
      <c r="AF369" s="206">
        <v>0.14941306158204257</v>
      </c>
      <c r="AG369" s="92">
        <v>6.8024460669435266E-2</v>
      </c>
      <c r="AH369" s="206">
        <v>8.8876694636490505E-2</v>
      </c>
      <c r="AI369" s="92">
        <v>5.6185637381558316E-2</v>
      </c>
      <c r="AJ369" s="206">
        <v>0.11159975159215772</v>
      </c>
      <c r="AK369" s="92">
        <v>6.1124443509369589E-2</v>
      </c>
      <c r="AL369" s="202">
        <v>113</v>
      </c>
      <c r="AM369" s="206">
        <v>0.48940923059500796</v>
      </c>
      <c r="AN369" s="92">
        <v>9.2430685300300311E-2</v>
      </c>
      <c r="AO369" s="206">
        <v>0.1562941326968528</v>
      </c>
      <c r="AP369" s="92">
        <v>6.9135249351753081E-2</v>
      </c>
      <c r="AQ369" s="206">
        <v>0.13575890788404602</v>
      </c>
      <c r="AR369" s="92">
        <v>6.5696769870149871E-2</v>
      </c>
      <c r="AS369" s="206">
        <v>0.21853772882409397</v>
      </c>
      <c r="AT369" s="92">
        <v>7.7592672108270366E-2</v>
      </c>
    </row>
    <row r="370" spans="1:46" ht="25.5">
      <c r="A370" s="52" t="s">
        <v>549</v>
      </c>
      <c r="B370" s="199">
        <v>68</v>
      </c>
      <c r="C370" s="205">
        <v>7.8353441976685215E-2</v>
      </c>
      <c r="D370" s="89">
        <v>7.1266104779846171E-2</v>
      </c>
      <c r="E370" s="205">
        <v>0.10610334364451307</v>
      </c>
      <c r="F370" s="89">
        <v>7.8742177489808607E-2</v>
      </c>
      <c r="G370" s="205">
        <v>0.79860676806380826</v>
      </c>
      <c r="H370" s="89">
        <v>9.7315674170021391E-2</v>
      </c>
      <c r="I370" s="205">
        <v>1.6936446314993785E-2</v>
      </c>
      <c r="J370" s="89">
        <v>4.8222405871404916E-2</v>
      </c>
      <c r="K370" s="199">
        <v>68</v>
      </c>
      <c r="L370" s="205">
        <v>0.26455057886907346</v>
      </c>
      <c r="M370" s="89">
        <v>0.10555463917385947</v>
      </c>
      <c r="N370" s="205">
        <v>0.23943588976471325</v>
      </c>
      <c r="O370" s="89">
        <v>0.10258886003050728</v>
      </c>
      <c r="P370" s="205">
        <v>0.36844189985025827</v>
      </c>
      <c r="Q370" s="89">
        <v>0.11415440500400299</v>
      </c>
      <c r="R370" s="205">
        <v>0.12757163151595544</v>
      </c>
      <c r="S370" s="89">
        <v>8.3759061597139847E-2</v>
      </c>
      <c r="T370" s="199">
        <v>66</v>
      </c>
      <c r="U370" s="205">
        <v>0.48964063330032753</v>
      </c>
      <c r="V370" s="89">
        <v>0.11950005327932306</v>
      </c>
      <c r="W370" s="205">
        <v>0.10802639017237096</v>
      </c>
      <c r="X370" s="89">
        <v>8.0503498513299285E-2</v>
      </c>
      <c r="Y370" s="205">
        <v>0.21875422262015198</v>
      </c>
      <c r="Z370" s="89">
        <v>0.10132900776741838</v>
      </c>
      <c r="AA370" s="205">
        <v>0.18357875390714956</v>
      </c>
      <c r="AB370" s="89">
        <v>9.5914612409192621E-2</v>
      </c>
      <c r="AC370" s="199">
        <v>68</v>
      </c>
      <c r="AD370" s="205">
        <v>0.54117920534065578</v>
      </c>
      <c r="AE370" s="89">
        <v>0.11749407867542898</v>
      </c>
      <c r="AF370" s="205">
        <v>0.16017705754171757</v>
      </c>
      <c r="AG370" s="89">
        <v>9.0368080465949907E-2</v>
      </c>
      <c r="AH370" s="205">
        <v>0.19057383426126301</v>
      </c>
      <c r="AI370" s="89">
        <v>9.5626072583662194E-2</v>
      </c>
      <c r="AJ370" s="205">
        <v>0.10806990285636414</v>
      </c>
      <c r="AK370" s="89">
        <v>7.922695440800899E-2</v>
      </c>
      <c r="AL370" s="199">
        <v>68</v>
      </c>
      <c r="AM370" s="205">
        <v>0.15926941180383233</v>
      </c>
      <c r="AN370" s="89">
        <v>9.0198560259339075E-2</v>
      </c>
      <c r="AO370" s="205">
        <v>0.24619457006912376</v>
      </c>
      <c r="AP370" s="89">
        <v>0.10342508063596292</v>
      </c>
      <c r="AQ370" s="205">
        <v>0.33616576551456567</v>
      </c>
      <c r="AR370" s="89">
        <v>0.11206592931979764</v>
      </c>
      <c r="AS370" s="205">
        <v>0.25837025261247876</v>
      </c>
      <c r="AT370" s="89">
        <v>0.10486024554976013</v>
      </c>
    </row>
    <row r="371" spans="1:46">
      <c r="A371" s="44" t="s">
        <v>543</v>
      </c>
      <c r="B371" s="202">
        <v>80</v>
      </c>
      <c r="C371" s="206">
        <v>0.33042950272904553</v>
      </c>
      <c r="D371" s="92">
        <v>0.10326091205034045</v>
      </c>
      <c r="E371" s="206">
        <v>0.22997808142144638</v>
      </c>
      <c r="F371" s="92">
        <v>9.3571163383134287E-2</v>
      </c>
      <c r="G371" s="206">
        <v>0.42859554962057478</v>
      </c>
      <c r="H371" s="92">
        <v>0.10809506916905941</v>
      </c>
      <c r="I371" s="206">
        <v>1.099686622893273E-2</v>
      </c>
      <c r="J371" s="92">
        <v>3.9705717582333516E-2</v>
      </c>
      <c r="K371" s="202">
        <v>81</v>
      </c>
      <c r="L371" s="206">
        <v>0.64626015095115674</v>
      </c>
      <c r="M371" s="92">
        <v>0.10416592252542631</v>
      </c>
      <c r="N371" s="206">
        <v>7.7378050625748415E-2</v>
      </c>
      <c r="O371" s="92">
        <v>6.4280795745730021E-2</v>
      </c>
      <c r="P371" s="206">
        <v>0.24712768868266316</v>
      </c>
      <c r="Q371" s="92">
        <v>9.5037400489237006E-2</v>
      </c>
      <c r="R371" s="206">
        <v>2.9234109740431346E-2</v>
      </c>
      <c r="S371" s="92">
        <v>4.7895520035729708E-2</v>
      </c>
      <c r="T371" s="202">
        <v>81</v>
      </c>
      <c r="U371" s="206">
        <v>0.70557055696407156</v>
      </c>
      <c r="V371" s="92">
        <v>9.9793788123364466E-2</v>
      </c>
      <c r="W371" s="206">
        <v>7.2677666252977516E-2</v>
      </c>
      <c r="X371" s="92">
        <v>6.2938825194742185E-2</v>
      </c>
      <c r="Y371" s="206">
        <v>0.16263975751855203</v>
      </c>
      <c r="Z371" s="92">
        <v>8.3072679132041347E-2</v>
      </c>
      <c r="AA371" s="206">
        <v>5.9112019264398422E-2</v>
      </c>
      <c r="AB371" s="92">
        <v>5.8804609274127735E-2</v>
      </c>
      <c r="AC371" s="202">
        <v>80</v>
      </c>
      <c r="AD371" s="206">
        <v>0.60568946798366463</v>
      </c>
      <c r="AE371" s="92">
        <v>0.10687514780695991</v>
      </c>
      <c r="AF371" s="206">
        <v>0.10833033503081767</v>
      </c>
      <c r="AG371" s="92">
        <v>7.2656080975422838E-2</v>
      </c>
      <c r="AH371" s="206">
        <v>0.1948654140201288</v>
      </c>
      <c r="AI371" s="92">
        <v>8.8787896411261613E-2</v>
      </c>
      <c r="AJ371" s="206">
        <v>9.1114782965388399E-2</v>
      </c>
      <c r="AK371" s="92">
        <v>6.8437094194669826E-2</v>
      </c>
      <c r="AL371" s="202">
        <v>80</v>
      </c>
      <c r="AM371" s="206">
        <v>0.54059105834439425</v>
      </c>
      <c r="AN371" s="92">
        <v>0.10878233999190461</v>
      </c>
      <c r="AO371" s="206">
        <v>0.12743681221626654</v>
      </c>
      <c r="AP371" s="92">
        <v>7.687382642920905E-2</v>
      </c>
      <c r="AQ371" s="206">
        <v>0.18599152039309605</v>
      </c>
      <c r="AR371" s="92">
        <v>8.7441324917416907E-2</v>
      </c>
      <c r="AS371" s="206">
        <v>0.14598060904624252</v>
      </c>
      <c r="AT371" s="92">
        <v>8.0570064485306347E-2</v>
      </c>
    </row>
    <row r="372" spans="1:46">
      <c r="A372" s="52" t="s">
        <v>544</v>
      </c>
      <c r="B372" s="199">
        <v>111</v>
      </c>
      <c r="C372" s="205">
        <v>0.23078722742660385</v>
      </c>
      <c r="D372" s="89">
        <v>7.9668568921644964E-2</v>
      </c>
      <c r="E372" s="205">
        <v>0.24011430374454815</v>
      </c>
      <c r="F372" s="89">
        <v>8.0665964390482847E-2</v>
      </c>
      <c r="G372" s="205">
        <v>0.5290984688288477</v>
      </c>
      <c r="H372" s="89">
        <v>9.3103244616557432E-2</v>
      </c>
      <c r="I372" s="205">
        <v>0</v>
      </c>
      <c r="J372" s="89">
        <v>2.4380210707016403E-2</v>
      </c>
      <c r="K372" s="199">
        <v>112</v>
      </c>
      <c r="L372" s="205">
        <v>0.57553038160834202</v>
      </c>
      <c r="M372" s="89">
        <v>9.1854798308434155E-2</v>
      </c>
      <c r="N372" s="205">
        <v>0.10102446155915809</v>
      </c>
      <c r="O372" s="89">
        <v>5.9192053408594743E-2</v>
      </c>
      <c r="P372" s="205">
        <v>0.30375106260103529</v>
      </c>
      <c r="Q372" s="89">
        <v>8.5922313144663559E-2</v>
      </c>
      <c r="R372" s="205">
        <v>1.9694094231464471E-2</v>
      </c>
      <c r="S372" s="89">
        <v>3.4711541709387242E-2</v>
      </c>
      <c r="T372" s="199">
        <v>112</v>
      </c>
      <c r="U372" s="205">
        <v>0.69333377579757838</v>
      </c>
      <c r="V372" s="89">
        <v>8.6134497087066261E-2</v>
      </c>
      <c r="W372" s="205">
        <v>8.5735225728476291E-2</v>
      </c>
      <c r="X372" s="89">
        <v>5.571360693917795E-2</v>
      </c>
      <c r="Y372" s="205">
        <v>0.14897632802072622</v>
      </c>
      <c r="Z372" s="89">
        <v>6.8262585114388305E-2</v>
      </c>
      <c r="AA372" s="205">
        <v>7.1954670453219099E-2</v>
      </c>
      <c r="AB372" s="89">
        <v>5.225777892479963E-2</v>
      </c>
      <c r="AC372" s="199">
        <v>113</v>
      </c>
      <c r="AD372" s="205">
        <v>0.7429816229947509</v>
      </c>
      <c r="AE372" s="89">
        <v>8.1634551796788829E-2</v>
      </c>
      <c r="AF372" s="205">
        <v>0.11004706881887237</v>
      </c>
      <c r="AG372" s="89">
        <v>6.080836267530438E-2</v>
      </c>
      <c r="AH372" s="205">
        <v>9.3335580104355068E-2</v>
      </c>
      <c r="AI372" s="89">
        <v>5.7211113583971948E-2</v>
      </c>
      <c r="AJ372" s="205">
        <v>5.3635728082021591E-2</v>
      </c>
      <c r="AK372" s="89">
        <v>4.6830985448689889E-2</v>
      </c>
      <c r="AL372" s="199">
        <v>112</v>
      </c>
      <c r="AM372" s="205">
        <v>0.4954016181862857</v>
      </c>
      <c r="AN372" s="89">
        <v>9.2844008594632391E-2</v>
      </c>
      <c r="AO372" s="205">
        <v>0.18359788164812574</v>
      </c>
      <c r="AP372" s="89">
        <v>7.350224508399926E-2</v>
      </c>
      <c r="AQ372" s="205">
        <v>0.14854382857724016</v>
      </c>
      <c r="AR372" s="89">
        <v>6.8191010914150113E-2</v>
      </c>
      <c r="AS372" s="205">
        <v>0.17245667158834835</v>
      </c>
      <c r="AT372" s="89">
        <v>7.191631636280417E-2</v>
      </c>
    </row>
    <row r="373" spans="1:46">
      <c r="A373" s="44" t="s">
        <v>545</v>
      </c>
      <c r="B373" s="202">
        <v>119</v>
      </c>
      <c r="C373" s="206">
        <v>0.10347216379426002</v>
      </c>
      <c r="D373" s="92">
        <v>5.7826769990567371E-2</v>
      </c>
      <c r="E373" s="206">
        <v>0.12788896841439171</v>
      </c>
      <c r="F373" s="92">
        <v>6.257168918188552E-2</v>
      </c>
      <c r="G373" s="206">
        <v>0.72950080089407254</v>
      </c>
      <c r="H373" s="92">
        <v>8.0788675586711003E-2</v>
      </c>
      <c r="I373" s="206">
        <v>3.9138066897276197E-2</v>
      </c>
      <c r="J373" s="92">
        <v>4.0803268974902288E-2</v>
      </c>
      <c r="K373" s="202">
        <v>120</v>
      </c>
      <c r="L373" s="206">
        <v>0.29145223104830914</v>
      </c>
      <c r="M373" s="92">
        <v>8.2162018820970045E-2</v>
      </c>
      <c r="N373" s="206">
        <v>0.20761346002420031</v>
      </c>
      <c r="O373" s="92">
        <v>7.4039359330803758E-2</v>
      </c>
      <c r="P373" s="206">
        <v>0.45555784381694181</v>
      </c>
      <c r="Q373" s="92">
        <v>8.9469812108080998E-2</v>
      </c>
      <c r="R373" s="206">
        <v>4.5376465110549241E-2</v>
      </c>
      <c r="S373" s="92">
        <v>4.2667782601408452E-2</v>
      </c>
      <c r="T373" s="202">
        <v>122</v>
      </c>
      <c r="U373" s="206">
        <v>0.5005783249020308</v>
      </c>
      <c r="V373" s="92">
        <v>8.908702476894842E-2</v>
      </c>
      <c r="W373" s="206">
        <v>0.13091743891188162</v>
      </c>
      <c r="X373" s="92">
        <v>6.2307427533648437E-2</v>
      </c>
      <c r="Y373" s="206">
        <v>0.28035871114104693</v>
      </c>
      <c r="Z373" s="92">
        <v>8.0626926070905852E-2</v>
      </c>
      <c r="AA373" s="206">
        <v>8.814552504504114E-2</v>
      </c>
      <c r="AB373" s="92">
        <v>5.3740920876853379E-2</v>
      </c>
      <c r="AC373" s="202">
        <v>122</v>
      </c>
      <c r="AD373" s="206">
        <v>0.50541224526102047</v>
      </c>
      <c r="AE373" s="92">
        <v>8.908218746911295E-2</v>
      </c>
      <c r="AF373" s="206">
        <v>0.15043880631076043</v>
      </c>
      <c r="AG373" s="92">
        <v>6.5572475823332185E-2</v>
      </c>
      <c r="AH373" s="206">
        <v>0.24982464652200428</v>
      </c>
      <c r="AI373" s="92">
        <v>7.7934249589107357E-2</v>
      </c>
      <c r="AJ373" s="206">
        <v>9.4324301906215435E-2</v>
      </c>
      <c r="AK373" s="92">
        <v>5.5121923934234131E-2</v>
      </c>
      <c r="AL373" s="202">
        <v>123</v>
      </c>
      <c r="AM373" s="206">
        <v>0.21447748492903471</v>
      </c>
      <c r="AN373" s="92">
        <v>7.3929384503830436E-2</v>
      </c>
      <c r="AO373" s="206">
        <v>0.18198630776970229</v>
      </c>
      <c r="AP373" s="92">
        <v>6.9901512722455858E-2</v>
      </c>
      <c r="AQ373" s="206">
        <v>0.41091135884395441</v>
      </c>
      <c r="AR373" s="92">
        <v>8.7404444243135371E-2</v>
      </c>
      <c r="AS373" s="206">
        <v>0.19262484845730893</v>
      </c>
      <c r="AT373" s="92">
        <v>7.1293616222994141E-2</v>
      </c>
    </row>
    <row r="380" spans="1:46" ht="18.75">
      <c r="A380" s="335" t="s">
        <v>16</v>
      </c>
      <c r="B380" s="335"/>
      <c r="C380" s="335"/>
      <c r="D380" s="335"/>
    </row>
    <row r="381" spans="1:46" ht="114.75" customHeight="1">
      <c r="A381" s="414" t="s">
        <v>432</v>
      </c>
      <c r="B381" s="414"/>
      <c r="C381" s="414"/>
      <c r="D381" s="414"/>
    </row>
    <row r="382" spans="1:46" ht="38.25" customHeight="1">
      <c r="A382" s="402" t="s">
        <v>147</v>
      </c>
      <c r="B382" s="402"/>
      <c r="C382" s="402"/>
      <c r="D382" s="402"/>
    </row>
    <row r="383" spans="1:46" ht="40.5" customHeight="1">
      <c r="A383" s="32" t="s">
        <v>71</v>
      </c>
      <c r="B383" s="33" t="s">
        <v>72</v>
      </c>
      <c r="C383" s="34" t="s">
        <v>584</v>
      </c>
      <c r="D383" s="35" t="s">
        <v>73</v>
      </c>
    </row>
    <row r="384" spans="1:46" ht="72">
      <c r="A384" s="36"/>
      <c r="B384" s="37" t="s">
        <v>74</v>
      </c>
      <c r="C384" s="121" t="s">
        <v>148</v>
      </c>
      <c r="D384" s="39" t="s">
        <v>76</v>
      </c>
    </row>
    <row r="385" spans="1:4">
      <c r="A385" s="40" t="s">
        <v>350</v>
      </c>
      <c r="B385" s="207">
        <v>13959</v>
      </c>
      <c r="C385" s="79">
        <v>5.6012533169521053</v>
      </c>
      <c r="D385" s="80">
        <v>1.9371258520782125E-2</v>
      </c>
    </row>
    <row r="386" spans="1:4">
      <c r="A386" s="44" t="s">
        <v>351</v>
      </c>
      <c r="B386" s="44">
        <v>10157</v>
      </c>
      <c r="C386" s="209">
        <v>5.7669028938476252</v>
      </c>
      <c r="D386" s="210">
        <v>2.1718988611070283E-2</v>
      </c>
    </row>
    <row r="387" spans="1:4">
      <c r="A387" s="40" t="s">
        <v>352</v>
      </c>
      <c r="B387" s="48">
        <v>3802</v>
      </c>
      <c r="C387" s="79">
        <v>5.4704374696305491</v>
      </c>
      <c r="D387" s="80">
        <v>4.0200710211838943E-2</v>
      </c>
    </row>
    <row r="388" spans="1:4">
      <c r="A388" s="44" t="s">
        <v>534</v>
      </c>
      <c r="B388" s="44">
        <v>1717</v>
      </c>
      <c r="C388" s="209">
        <v>5.5143335259648367</v>
      </c>
      <c r="D388" s="210">
        <v>5.9453325162125197E-2</v>
      </c>
    </row>
    <row r="389" spans="1:4">
      <c r="A389" s="40" t="s">
        <v>535</v>
      </c>
      <c r="B389" s="48">
        <v>919</v>
      </c>
      <c r="C389" s="79">
        <v>5.7928192427408609</v>
      </c>
      <c r="D389" s="80">
        <v>7.434291020189622E-2</v>
      </c>
    </row>
    <row r="390" spans="1:4">
      <c r="A390" s="44" t="s">
        <v>536</v>
      </c>
      <c r="B390" s="44">
        <v>195</v>
      </c>
      <c r="C390" s="209">
        <v>5.9380649512347548</v>
      </c>
      <c r="D390" s="210">
        <v>0.15386931784377386</v>
      </c>
    </row>
    <row r="391" spans="1:4">
      <c r="A391" s="40" t="s">
        <v>537</v>
      </c>
      <c r="B391" s="48">
        <v>71</v>
      </c>
      <c r="C391" s="79">
        <v>5.7452084500053724</v>
      </c>
      <c r="D391" s="80">
        <v>0.27901900049308692</v>
      </c>
    </row>
    <row r="392" spans="1:4">
      <c r="A392" s="44" t="s">
        <v>546</v>
      </c>
      <c r="B392" s="44">
        <v>806</v>
      </c>
      <c r="C392" s="209">
        <v>5.4040352761439392</v>
      </c>
      <c r="D392" s="210">
        <v>9.2505942718921791E-2</v>
      </c>
    </row>
    <row r="393" spans="1:4">
      <c r="A393" s="40" t="s">
        <v>547</v>
      </c>
      <c r="B393" s="48">
        <v>127</v>
      </c>
      <c r="C393" s="79">
        <v>5.4718827883628061</v>
      </c>
      <c r="D393" s="80">
        <v>0.24928929427659305</v>
      </c>
    </row>
    <row r="394" spans="1:4">
      <c r="A394" s="44" t="s">
        <v>548</v>
      </c>
      <c r="B394" s="44">
        <v>98</v>
      </c>
      <c r="C394" s="209">
        <v>5.7862505270517657</v>
      </c>
      <c r="D394" s="210">
        <v>0.2496827310978405</v>
      </c>
    </row>
    <row r="395" spans="1:4">
      <c r="A395" s="40" t="s">
        <v>538</v>
      </c>
      <c r="B395" s="207">
        <v>125</v>
      </c>
      <c r="C395" s="79">
        <v>5.7734272691213482</v>
      </c>
      <c r="D395" s="80">
        <v>0.21387244268605948</v>
      </c>
    </row>
    <row r="396" spans="1:4">
      <c r="A396" s="44" t="s">
        <v>539</v>
      </c>
      <c r="B396" s="208">
        <v>96</v>
      </c>
      <c r="C396" s="209">
        <v>5.7592773680410145</v>
      </c>
      <c r="D396" s="210">
        <v>0.25018267529975569</v>
      </c>
    </row>
    <row r="397" spans="1:4">
      <c r="A397" s="40" t="s">
        <v>540</v>
      </c>
      <c r="B397" s="78">
        <v>259</v>
      </c>
      <c r="C397" s="79">
        <v>5.7807650596063347</v>
      </c>
      <c r="D397" s="80">
        <v>0.1284321214954833</v>
      </c>
    </row>
    <row r="398" spans="1:4" ht="25.5">
      <c r="A398" s="44" t="s">
        <v>541</v>
      </c>
      <c r="B398" s="208">
        <v>113</v>
      </c>
      <c r="C398" s="209">
        <v>6.0433571537063928</v>
      </c>
      <c r="D398" s="210">
        <v>0.16036339702469019</v>
      </c>
    </row>
    <row r="399" spans="1:4" ht="25.5">
      <c r="A399" s="52" t="s">
        <v>549</v>
      </c>
      <c r="B399" s="207">
        <v>68</v>
      </c>
      <c r="C399" s="79">
        <v>5.7531730655092215</v>
      </c>
      <c r="D399" s="80">
        <v>0.23032144538440805</v>
      </c>
    </row>
    <row r="400" spans="1:4">
      <c r="A400" s="44" t="s">
        <v>543</v>
      </c>
      <c r="B400" s="208">
        <v>78</v>
      </c>
      <c r="C400" s="209">
        <v>5.4416967013184729</v>
      </c>
      <c r="D400" s="210">
        <v>0.28308113062685364</v>
      </c>
    </row>
    <row r="401" spans="1:38">
      <c r="A401" s="52" t="s">
        <v>544</v>
      </c>
      <c r="B401" s="207">
        <v>112</v>
      </c>
      <c r="C401" s="79">
        <v>5.6638264626216346</v>
      </c>
      <c r="D401" s="80">
        <v>0.23246393964061013</v>
      </c>
    </row>
    <row r="402" spans="1:38">
      <c r="A402" s="44" t="s">
        <v>545</v>
      </c>
      <c r="B402" s="208">
        <v>122</v>
      </c>
      <c r="C402" s="209">
        <v>5.6947918390986922</v>
      </c>
      <c r="D402" s="210">
        <v>0.20292475089661283</v>
      </c>
    </row>
    <row r="403" spans="1:38">
      <c r="P403" s="240"/>
      <c r="Q403" s="240"/>
      <c r="R403" s="240"/>
      <c r="S403" s="240"/>
      <c r="T403" s="240"/>
      <c r="U403" s="240"/>
      <c r="V403" s="240"/>
      <c r="W403" s="240"/>
      <c r="X403" s="240"/>
      <c r="Y403" s="240"/>
      <c r="Z403" s="240"/>
      <c r="AA403" s="240"/>
      <c r="AB403" s="240"/>
      <c r="AC403" s="240"/>
      <c r="AD403" s="240"/>
      <c r="AE403" s="240"/>
      <c r="AF403" s="240"/>
      <c r="AG403" s="240"/>
      <c r="AH403" s="240"/>
    </row>
    <row r="404" spans="1:38">
      <c r="P404" s="240"/>
      <c r="Q404" s="240"/>
      <c r="R404" s="240"/>
      <c r="S404" s="240"/>
      <c r="T404" s="240"/>
      <c r="U404" s="240"/>
      <c r="V404" s="240"/>
      <c r="W404" s="240"/>
      <c r="X404" s="240"/>
      <c r="Y404" s="240"/>
      <c r="Z404" s="240"/>
      <c r="AA404" s="240"/>
      <c r="AB404" s="240"/>
      <c r="AC404" s="240"/>
      <c r="AD404" s="240"/>
      <c r="AE404" s="240"/>
      <c r="AF404" s="240"/>
      <c r="AG404" s="240"/>
      <c r="AH404" s="240"/>
    </row>
    <row r="405" spans="1:38">
      <c r="P405" s="240"/>
      <c r="Q405" s="240"/>
      <c r="R405" s="240"/>
      <c r="S405" s="240"/>
      <c r="T405" s="240"/>
      <c r="U405" s="240"/>
      <c r="V405" s="240"/>
      <c r="W405" s="240"/>
      <c r="X405" s="240"/>
      <c r="Y405" s="240"/>
      <c r="Z405" s="240"/>
      <c r="AA405" s="240"/>
      <c r="AB405" s="240"/>
      <c r="AC405" s="240"/>
      <c r="AD405" s="240"/>
      <c r="AE405" s="240"/>
      <c r="AF405" s="240"/>
      <c r="AG405" s="240"/>
      <c r="AH405" s="240"/>
    </row>
    <row r="406" spans="1:38">
      <c r="P406" s="240"/>
      <c r="Q406" s="240"/>
      <c r="R406" s="240"/>
      <c r="S406" s="240"/>
      <c r="T406" s="240"/>
      <c r="U406" s="240"/>
      <c r="V406" s="240"/>
      <c r="W406" s="240"/>
      <c r="X406" s="240"/>
      <c r="Y406" s="240"/>
      <c r="Z406" s="240"/>
      <c r="AA406" s="240"/>
      <c r="AB406" s="240"/>
      <c r="AC406" s="240"/>
      <c r="AD406" s="240"/>
      <c r="AE406" s="240"/>
      <c r="AF406" s="240"/>
      <c r="AG406" s="240"/>
      <c r="AH406" s="240"/>
    </row>
    <row r="407" spans="1:38">
      <c r="P407" s="240"/>
      <c r="Q407" s="240"/>
      <c r="R407" s="240"/>
      <c r="S407" s="240"/>
      <c r="T407" s="240"/>
      <c r="U407" s="240"/>
      <c r="V407" s="240"/>
      <c r="W407" s="240"/>
      <c r="X407" s="240"/>
      <c r="Y407" s="240"/>
      <c r="Z407" s="240"/>
      <c r="AA407" s="240"/>
      <c r="AB407" s="240"/>
      <c r="AC407" s="240"/>
      <c r="AD407" s="240"/>
      <c r="AE407" s="240"/>
      <c r="AF407" s="240"/>
      <c r="AG407" s="240"/>
      <c r="AH407" s="240"/>
    </row>
    <row r="408" spans="1:38">
      <c r="P408" s="240"/>
      <c r="Q408" s="240"/>
      <c r="R408" s="240"/>
      <c r="S408" s="240"/>
      <c r="T408" s="240"/>
      <c r="U408" s="240"/>
      <c r="V408" s="240"/>
      <c r="W408" s="240"/>
      <c r="X408" s="240"/>
      <c r="Y408" s="240"/>
      <c r="Z408" s="240"/>
      <c r="AA408" s="240"/>
      <c r="AB408" s="240"/>
      <c r="AC408" s="240"/>
      <c r="AD408" s="240"/>
      <c r="AE408" s="240"/>
      <c r="AF408" s="240"/>
      <c r="AG408" s="240"/>
      <c r="AH408" s="240"/>
    </row>
    <row r="409" spans="1:38" ht="18.75">
      <c r="A409" s="335" t="s">
        <v>51</v>
      </c>
      <c r="B409" s="335"/>
      <c r="C409" s="335"/>
      <c r="D409" s="335"/>
      <c r="E409" s="335"/>
      <c r="F409" s="335"/>
      <c r="G409" s="335"/>
      <c r="H409" s="335"/>
      <c r="I409" s="335"/>
      <c r="J409" s="335"/>
      <c r="K409" s="335"/>
      <c r="L409" s="335"/>
      <c r="M409" s="335"/>
      <c r="N409" s="335"/>
      <c r="O409" s="335"/>
      <c r="P409" s="335"/>
      <c r="Q409" s="335"/>
      <c r="R409" s="335"/>
      <c r="S409" s="335"/>
      <c r="T409" s="335"/>
      <c r="U409" s="335"/>
      <c r="V409" s="335"/>
      <c r="W409" s="335"/>
      <c r="X409" s="335"/>
      <c r="Y409" s="335"/>
      <c r="Z409" s="335"/>
      <c r="AA409" s="335"/>
      <c r="AB409" s="335"/>
      <c r="AC409" s="240"/>
      <c r="AD409" s="240"/>
      <c r="AE409" s="240"/>
      <c r="AF409" s="240"/>
      <c r="AG409" s="240"/>
      <c r="AH409" s="240"/>
    </row>
    <row r="410" spans="1:38" ht="63" customHeight="1">
      <c r="A410" s="415" t="s">
        <v>598</v>
      </c>
      <c r="B410" s="415"/>
      <c r="C410" s="415"/>
      <c r="D410" s="415"/>
      <c r="E410" s="415"/>
      <c r="F410" s="415"/>
      <c r="G410" s="415"/>
      <c r="H410" s="415"/>
      <c r="I410" s="415"/>
      <c r="J410" s="415"/>
      <c r="K410" s="415"/>
      <c r="L410" s="415"/>
      <c r="M410" s="415"/>
      <c r="N410" s="415"/>
      <c r="O410" s="415"/>
      <c r="P410" s="415"/>
      <c r="Q410" s="415"/>
      <c r="R410" s="415"/>
      <c r="S410" s="415"/>
      <c r="T410" s="415"/>
      <c r="U410" s="415"/>
      <c r="V410" s="415"/>
      <c r="W410" s="415"/>
      <c r="X410" s="415"/>
      <c r="Y410" s="415"/>
      <c r="Z410" s="415"/>
      <c r="AA410" s="415"/>
      <c r="AB410" s="415"/>
      <c r="AC410" s="240"/>
      <c r="AD410" s="240"/>
      <c r="AE410" s="240"/>
      <c r="AF410" s="240"/>
      <c r="AG410" s="240"/>
      <c r="AH410" s="240"/>
    </row>
    <row r="411" spans="1:38" ht="35.25" customHeight="1">
      <c r="A411" s="59"/>
      <c r="B411" s="398" t="s">
        <v>433</v>
      </c>
      <c r="C411" s="399"/>
      <c r="D411" s="399"/>
      <c r="E411" s="399"/>
      <c r="F411" s="399"/>
      <c r="G411" s="399"/>
      <c r="H411" s="399"/>
      <c r="I411" s="399"/>
      <c r="J411" s="400"/>
      <c r="K411" s="398" t="s">
        <v>434</v>
      </c>
      <c r="L411" s="399"/>
      <c r="M411" s="399"/>
      <c r="N411" s="399"/>
      <c r="O411" s="399"/>
      <c r="P411" s="399"/>
      <c r="Q411" s="399"/>
      <c r="R411" s="399"/>
      <c r="S411" s="400"/>
      <c r="T411" s="398" t="s">
        <v>435</v>
      </c>
      <c r="U411" s="399"/>
      <c r="V411" s="399"/>
      <c r="W411" s="399"/>
      <c r="X411" s="399"/>
      <c r="Y411" s="399"/>
      <c r="Z411" s="399"/>
      <c r="AA411" s="399"/>
      <c r="AB411" s="400"/>
      <c r="AC411" s="240"/>
      <c r="AD411" s="240"/>
      <c r="AE411" s="240"/>
      <c r="AF411" s="240"/>
      <c r="AG411" s="240"/>
      <c r="AH411" s="240"/>
      <c r="AI411" s="240"/>
      <c r="AJ411" s="240"/>
      <c r="AK411" s="240"/>
      <c r="AL411" s="240"/>
    </row>
    <row r="412" spans="1:38" ht="59.25" customHeight="1">
      <c r="A412" s="32" t="s">
        <v>71</v>
      </c>
      <c r="B412" s="33" t="s">
        <v>72</v>
      </c>
      <c r="C412" s="33" t="s">
        <v>470</v>
      </c>
      <c r="D412" s="84" t="s">
        <v>471</v>
      </c>
      <c r="E412" s="33" t="s">
        <v>472</v>
      </c>
      <c r="F412" s="84" t="s">
        <v>473</v>
      </c>
      <c r="G412" s="33" t="s">
        <v>474</v>
      </c>
      <c r="H412" s="84" t="s">
        <v>475</v>
      </c>
      <c r="I412" s="33" t="s">
        <v>301</v>
      </c>
      <c r="J412" s="84" t="s">
        <v>315</v>
      </c>
      <c r="K412" s="60" t="s">
        <v>72</v>
      </c>
      <c r="L412" s="60" t="s">
        <v>470</v>
      </c>
      <c r="M412" s="83" t="s">
        <v>471</v>
      </c>
      <c r="N412" s="60" t="s">
        <v>472</v>
      </c>
      <c r="O412" s="83" t="s">
        <v>473</v>
      </c>
      <c r="P412" s="60" t="s">
        <v>474</v>
      </c>
      <c r="Q412" s="83" t="s">
        <v>475</v>
      </c>
      <c r="R412" s="60" t="s">
        <v>301</v>
      </c>
      <c r="S412" s="83" t="s">
        <v>315</v>
      </c>
      <c r="T412" s="33" t="s">
        <v>72</v>
      </c>
      <c r="U412" s="33" t="s">
        <v>470</v>
      </c>
      <c r="V412" s="84" t="s">
        <v>471</v>
      </c>
      <c r="W412" s="33" t="s">
        <v>472</v>
      </c>
      <c r="X412" s="84" t="s">
        <v>473</v>
      </c>
      <c r="Y412" s="33" t="s">
        <v>474</v>
      </c>
      <c r="Z412" s="84" t="s">
        <v>475</v>
      </c>
      <c r="AA412" s="33" t="s">
        <v>301</v>
      </c>
      <c r="AB412" s="84" t="s">
        <v>315</v>
      </c>
      <c r="AC412" s="240"/>
      <c r="AD412" s="240"/>
      <c r="AE412" s="240"/>
      <c r="AF412" s="240"/>
      <c r="AG412" s="240"/>
      <c r="AH412" s="240"/>
      <c r="AI412" s="240"/>
      <c r="AJ412" s="240"/>
      <c r="AK412" s="240"/>
      <c r="AL412" s="240"/>
    </row>
    <row r="413" spans="1:38" ht="72">
      <c r="A413" s="36"/>
      <c r="B413" s="37" t="s">
        <v>74</v>
      </c>
      <c r="C413" s="37" t="s">
        <v>159</v>
      </c>
      <c r="D413" s="86" t="s">
        <v>88</v>
      </c>
      <c r="E413" s="37" t="s">
        <v>160</v>
      </c>
      <c r="F413" s="86" t="s">
        <v>88</v>
      </c>
      <c r="G413" s="37" t="s">
        <v>161</v>
      </c>
      <c r="H413" s="86" t="s">
        <v>88</v>
      </c>
      <c r="I413" s="37" t="s">
        <v>301</v>
      </c>
      <c r="J413" s="86" t="s">
        <v>88</v>
      </c>
      <c r="K413" s="63" t="s">
        <v>74</v>
      </c>
      <c r="L413" s="63" t="s">
        <v>159</v>
      </c>
      <c r="M413" s="85" t="s">
        <v>88</v>
      </c>
      <c r="N413" s="63" t="s">
        <v>160</v>
      </c>
      <c r="O413" s="85" t="s">
        <v>88</v>
      </c>
      <c r="P413" s="63" t="s">
        <v>161</v>
      </c>
      <c r="Q413" s="253" t="s">
        <v>88</v>
      </c>
      <c r="R413" s="63" t="s">
        <v>301</v>
      </c>
      <c r="S413" s="85" t="s">
        <v>88</v>
      </c>
      <c r="T413" s="37" t="s">
        <v>74</v>
      </c>
      <c r="U413" s="37" t="s">
        <v>159</v>
      </c>
      <c r="V413" s="86" t="s">
        <v>88</v>
      </c>
      <c r="W413" s="37" t="s">
        <v>160</v>
      </c>
      <c r="X413" s="86" t="s">
        <v>88</v>
      </c>
      <c r="Y413" s="37" t="s">
        <v>161</v>
      </c>
      <c r="Z413" s="86" t="s">
        <v>88</v>
      </c>
      <c r="AA413" s="37" t="s">
        <v>301</v>
      </c>
      <c r="AB413" s="86" t="s">
        <v>88</v>
      </c>
    </row>
    <row r="414" spans="1:38">
      <c r="A414" s="40" t="s">
        <v>350</v>
      </c>
      <c r="B414" s="207">
        <v>13997</v>
      </c>
      <c r="C414" s="211">
        <v>6.9488905960501821E-2</v>
      </c>
      <c r="D414" s="89">
        <v>4.3015431734890405E-3</v>
      </c>
      <c r="E414" s="211">
        <v>9.03302013597507E-2</v>
      </c>
      <c r="F414" s="89">
        <v>4.8479940551183825E-3</v>
      </c>
      <c r="G414" s="211">
        <v>0.83164784616154475</v>
      </c>
      <c r="H414" s="89">
        <v>6.3259677926820529E-3</v>
      </c>
      <c r="I414" s="211">
        <v>8.5330465182073927E-3</v>
      </c>
      <c r="J414" s="89">
        <v>1.567310040528438E-3</v>
      </c>
      <c r="K414" s="207">
        <v>13984</v>
      </c>
      <c r="L414" s="213">
        <v>0.12446767803727543</v>
      </c>
      <c r="M414" s="89">
        <v>5.5844087823388308E-3</v>
      </c>
      <c r="N414" s="211">
        <v>0.1510313263365608</v>
      </c>
      <c r="O414" s="89">
        <v>6.0568865231893816E-3</v>
      </c>
      <c r="P414" s="211">
        <v>0.71476908749387102</v>
      </c>
      <c r="Q414" s="254">
        <v>7.635921449937598E-3</v>
      </c>
      <c r="R414" s="211">
        <v>9.7319081323008864E-3</v>
      </c>
      <c r="S414" s="89">
        <v>1.6718707998115148E-3</v>
      </c>
      <c r="T414" s="207">
        <v>13984</v>
      </c>
      <c r="U414" s="211">
        <v>7.0603419523601108E-2</v>
      </c>
      <c r="V414" s="89">
        <v>4.3352507258003267E-3</v>
      </c>
      <c r="W414" s="211">
        <v>9.140734923529395E-2</v>
      </c>
      <c r="X414" s="89">
        <v>4.8761472847168707E-3</v>
      </c>
      <c r="Y414" s="211">
        <v>0.82779566732645504</v>
      </c>
      <c r="Z414" s="89">
        <v>6.3860067472446937E-3</v>
      </c>
      <c r="AA414" s="211">
        <v>1.0193563914653698E-2</v>
      </c>
      <c r="AB414" s="89">
        <v>1.7101059425639006E-3</v>
      </c>
    </row>
    <row r="415" spans="1:38">
      <c r="A415" s="44" t="s">
        <v>351</v>
      </c>
      <c r="B415" s="208">
        <v>10181</v>
      </c>
      <c r="C415" s="212">
        <v>5.5771260126623229E-2</v>
      </c>
      <c r="D415" s="92">
        <v>4.5544025107001592E-3</v>
      </c>
      <c r="E415" s="212">
        <v>6.769418318041226E-2</v>
      </c>
      <c r="F415" s="92">
        <v>4.9843524173121103E-3</v>
      </c>
      <c r="G415" s="212">
        <v>0.87028685890989887</v>
      </c>
      <c r="H415" s="92">
        <v>6.6616176792407278E-3</v>
      </c>
      <c r="I415" s="212">
        <v>6.2476977830547972E-3</v>
      </c>
      <c r="J415" s="92">
        <v>1.585416719608216E-3</v>
      </c>
      <c r="K415" s="208">
        <v>10165</v>
      </c>
      <c r="L415" s="212">
        <v>0.12134498611555503</v>
      </c>
      <c r="M415" s="92">
        <v>6.4794858685394844E-3</v>
      </c>
      <c r="N415" s="212">
        <v>0.1467456119577828</v>
      </c>
      <c r="O415" s="92">
        <v>7.0207394003520456E-3</v>
      </c>
      <c r="P415" s="212">
        <v>0.72367822063620413</v>
      </c>
      <c r="Q415" s="255">
        <v>8.8698017077062409E-3</v>
      </c>
      <c r="R415" s="212">
        <v>8.2311812904523936E-3</v>
      </c>
      <c r="S415" s="92">
        <v>1.8127123451858256E-3</v>
      </c>
      <c r="T415" s="208">
        <v>10167</v>
      </c>
      <c r="U415" s="212">
        <v>5.1967621136293746E-2</v>
      </c>
      <c r="V415" s="92">
        <v>4.4088042604215651E-3</v>
      </c>
      <c r="W415" s="212">
        <v>6.8821771804385493E-2</v>
      </c>
      <c r="X415" s="92">
        <v>5.0259982024442934E-3</v>
      </c>
      <c r="Y415" s="212">
        <v>0.87128348577884585</v>
      </c>
      <c r="Z415" s="92">
        <v>6.644385833423549E-3</v>
      </c>
      <c r="AA415" s="212">
        <v>7.9271212804651117E-3</v>
      </c>
      <c r="AB415" s="92">
        <v>1.7798063707391723E-3</v>
      </c>
    </row>
    <row r="416" spans="1:38">
      <c r="A416" s="40" t="s">
        <v>352</v>
      </c>
      <c r="B416" s="207">
        <v>3816</v>
      </c>
      <c r="C416" s="211">
        <v>8.0298884468340645E-2</v>
      </c>
      <c r="D416" s="89">
        <v>8.8157212594945945E-3</v>
      </c>
      <c r="E416" s="211">
        <v>0.10816816517547961</v>
      </c>
      <c r="F416" s="89">
        <v>1.0067269981012986E-2</v>
      </c>
      <c r="G416" s="211">
        <v>0.80119897013483554</v>
      </c>
      <c r="H416" s="89">
        <v>1.2922202661960154E-2</v>
      </c>
      <c r="I416" s="211">
        <v>1.0333980221343591E-2</v>
      </c>
      <c r="J416" s="89">
        <v>3.3518094175664925E-3</v>
      </c>
      <c r="K416" s="207">
        <v>3819</v>
      </c>
      <c r="L416" s="213">
        <v>0.12692672162460542</v>
      </c>
      <c r="M416" s="89">
        <v>1.0782001840017779E-2</v>
      </c>
      <c r="N416" s="211">
        <v>0.15440622169109808</v>
      </c>
      <c r="O416" s="89">
        <v>1.169920056663218E-2</v>
      </c>
      <c r="P416" s="211">
        <v>0.70775336283336154</v>
      </c>
      <c r="Q416" s="254">
        <v>1.4714256737517094E-2</v>
      </c>
      <c r="R416" s="211">
        <v>1.0913693850936122E-2</v>
      </c>
      <c r="S416" s="89">
        <v>3.4377060019035498E-3</v>
      </c>
      <c r="T416" s="207">
        <v>3817</v>
      </c>
      <c r="U416" s="211">
        <v>8.5248864245439815E-2</v>
      </c>
      <c r="V416" s="89">
        <v>9.0560186752224655E-3</v>
      </c>
      <c r="W416" s="211">
        <v>0.10915683433384854</v>
      </c>
      <c r="X416" s="89">
        <v>1.0106021668753832E-2</v>
      </c>
      <c r="Y416" s="211">
        <v>0.79361959244189906</v>
      </c>
      <c r="Z416" s="89">
        <v>1.3101497878337535E-2</v>
      </c>
      <c r="AA416" s="211">
        <v>1.1974708978813316E-2</v>
      </c>
      <c r="AB416" s="89">
        <v>3.5926742710500224E-3</v>
      </c>
    </row>
    <row r="417" spans="1:28">
      <c r="A417" s="44" t="s">
        <v>534</v>
      </c>
      <c r="B417" s="208">
        <v>1719</v>
      </c>
      <c r="C417" s="212">
        <v>8.632057686584714E-2</v>
      </c>
      <c r="D417" s="92">
        <v>1.3599271366529659E-2</v>
      </c>
      <c r="E417" s="212">
        <v>9.0224985292226431E-2</v>
      </c>
      <c r="F417" s="92">
        <v>1.3869734321643739E-2</v>
      </c>
      <c r="G417" s="212">
        <v>0.81599106237825936</v>
      </c>
      <c r="H417" s="92">
        <v>1.8698991562968503E-2</v>
      </c>
      <c r="I417" s="212">
        <v>7.4633754636670591E-3</v>
      </c>
      <c r="J417" s="92">
        <v>4.4507331685644915E-3</v>
      </c>
      <c r="K417" s="208">
        <v>1720</v>
      </c>
      <c r="L417" s="212">
        <v>0.13351286329129622</v>
      </c>
      <c r="M417" s="92">
        <v>1.6427420129375564E-2</v>
      </c>
      <c r="N417" s="212">
        <v>0.14508768140864492</v>
      </c>
      <c r="O417" s="92">
        <v>1.7004235992025586E-2</v>
      </c>
      <c r="P417" s="212">
        <v>0.7137133273183589</v>
      </c>
      <c r="Q417" s="255">
        <v>2.1784555147519924E-2</v>
      </c>
      <c r="R417" s="212">
        <v>7.6861279816986781E-3</v>
      </c>
      <c r="S417" s="92">
        <v>4.505847481745413E-3</v>
      </c>
      <c r="T417" s="208">
        <v>1723</v>
      </c>
      <c r="U417" s="212">
        <v>9.719373622872142E-2</v>
      </c>
      <c r="V417" s="92">
        <v>1.4316939337642947E-2</v>
      </c>
      <c r="W417" s="212">
        <v>9.5568922179959201E-2</v>
      </c>
      <c r="X417" s="92">
        <v>1.4210943478187202E-2</v>
      </c>
      <c r="Y417" s="212">
        <v>0.79936526852990386</v>
      </c>
      <c r="Z417" s="92">
        <v>1.9298352421035225E-2</v>
      </c>
      <c r="AA417" s="212">
        <v>7.8720730614149931E-3</v>
      </c>
      <c r="AB417" s="92">
        <v>4.5480648796344531E-3</v>
      </c>
    </row>
    <row r="418" spans="1:28">
      <c r="A418" s="40" t="s">
        <v>535</v>
      </c>
      <c r="B418" s="207">
        <v>922</v>
      </c>
      <c r="C418" s="211">
        <v>5.8046868759355066E-2</v>
      </c>
      <c r="D418" s="89">
        <v>1.5603239015835933E-2</v>
      </c>
      <c r="E418" s="211">
        <v>7.0722968971414377E-2</v>
      </c>
      <c r="F418" s="89">
        <v>1.7051545954679694E-2</v>
      </c>
      <c r="G418" s="211">
        <v>0.86084742007979642</v>
      </c>
      <c r="H418" s="89">
        <v>2.2853807297899046E-2</v>
      </c>
      <c r="I418" s="211">
        <v>1.0382742189433879E-2</v>
      </c>
      <c r="J418" s="89">
        <v>7.3014471038715797E-3</v>
      </c>
      <c r="K418" s="207">
        <v>920</v>
      </c>
      <c r="L418" s="213">
        <v>0.10770004463049934</v>
      </c>
      <c r="M418" s="89">
        <v>2.053719274015553E-2</v>
      </c>
      <c r="N418" s="211">
        <v>0.13064159423424435</v>
      </c>
      <c r="O418" s="89">
        <v>2.2288251883590727E-2</v>
      </c>
      <c r="P418" s="211">
        <v>0.74786846068236168</v>
      </c>
      <c r="Q418" s="254">
        <v>2.8610839547816107E-2</v>
      </c>
      <c r="R418" s="211">
        <v>1.3789900452894572E-2</v>
      </c>
      <c r="S418" s="89">
        <v>8.2288859811358219E-3</v>
      </c>
      <c r="T418" s="207">
        <v>925</v>
      </c>
      <c r="U418" s="211">
        <v>5.5131213376757332E-2</v>
      </c>
      <c r="V418" s="89">
        <v>1.5218871442742197E-2</v>
      </c>
      <c r="W418" s="211">
        <v>7.0215642250534269E-2</v>
      </c>
      <c r="X418" s="89">
        <v>1.6968613401343046E-2</v>
      </c>
      <c r="Y418" s="211">
        <v>0.86283771117430486</v>
      </c>
      <c r="Z418" s="89">
        <v>2.2681399574019486E-2</v>
      </c>
      <c r="AA418" s="211">
        <v>1.1815433198404083E-2</v>
      </c>
      <c r="AB418" s="89">
        <v>7.6870202490712239E-3</v>
      </c>
    </row>
    <row r="419" spans="1:28">
      <c r="A419" s="44" t="s">
        <v>536</v>
      </c>
      <c r="B419" s="208">
        <v>196</v>
      </c>
      <c r="C419" s="212">
        <v>6.0225887358809543E-2</v>
      </c>
      <c r="D419" s="92">
        <v>3.5848966553742569E-2</v>
      </c>
      <c r="E419" s="212">
        <v>3.4351431455423201E-2</v>
      </c>
      <c r="F419" s="92">
        <v>2.8899073601808087E-2</v>
      </c>
      <c r="G419" s="212">
        <v>0.89504376021029697</v>
      </c>
      <c r="H419" s="92">
        <v>4.4748270712768476E-2</v>
      </c>
      <c r="I419" s="212">
        <v>1.0378920975470654E-2</v>
      </c>
      <c r="J419" s="92">
        <v>1.988188094494649E-2</v>
      </c>
      <c r="K419" s="208">
        <v>196</v>
      </c>
      <c r="L419" s="212">
        <v>9.6556776935549898E-2</v>
      </c>
      <c r="M419" s="92">
        <v>4.3284897264320485E-2</v>
      </c>
      <c r="N419" s="212">
        <v>0.1067370156138229</v>
      </c>
      <c r="O419" s="92">
        <v>4.5048550209136583E-2</v>
      </c>
      <c r="P419" s="212">
        <v>0.77899089631910401</v>
      </c>
      <c r="Q419" s="255">
        <v>5.9202429377877536E-2</v>
      </c>
      <c r="R419" s="212">
        <v>1.7715311131523123E-2</v>
      </c>
      <c r="S419" s="92">
        <v>2.307049211406996E-2</v>
      </c>
      <c r="T419" s="208">
        <v>196</v>
      </c>
      <c r="U419" s="212">
        <v>4.8673963880958057E-2</v>
      </c>
      <c r="V419" s="92">
        <v>3.2976093971202457E-2</v>
      </c>
      <c r="W419" s="212">
        <v>5.6770878362308895E-2</v>
      </c>
      <c r="X419" s="92">
        <v>3.5022120747117101E-2</v>
      </c>
      <c r="Y419" s="212">
        <v>0.87837409751585482</v>
      </c>
      <c r="Z419" s="92">
        <v>4.7434682217304146E-2</v>
      </c>
      <c r="AA419" s="212">
        <v>1.6181060240878339E-2</v>
      </c>
      <c r="AB419" s="92">
        <v>2.2444969094457298E-2</v>
      </c>
    </row>
    <row r="420" spans="1:28">
      <c r="A420" s="40" t="s">
        <v>537</v>
      </c>
      <c r="B420" s="207">
        <v>73</v>
      </c>
      <c r="C420" s="211">
        <v>8.5134178844347388E-2</v>
      </c>
      <c r="D420" s="89">
        <v>7.0362261926854644E-2</v>
      </c>
      <c r="E420" s="211">
        <v>5.1271448646720251E-2</v>
      </c>
      <c r="F420" s="89">
        <v>5.9878467663186934E-2</v>
      </c>
      <c r="G420" s="211">
        <v>0.8344710569613305</v>
      </c>
      <c r="H420" s="89">
        <v>8.8111548740383211E-2</v>
      </c>
      <c r="I420" s="211">
        <v>2.9123315547601981E-2</v>
      </c>
      <c r="J420" s="89">
        <v>5.1326887000744406E-2</v>
      </c>
      <c r="K420" s="207">
        <v>73</v>
      </c>
      <c r="L420" s="213">
        <v>0.12359846475032193</v>
      </c>
      <c r="M420" s="89">
        <v>7.982427320733268E-2</v>
      </c>
      <c r="N420" s="211">
        <v>0.13632446506856838</v>
      </c>
      <c r="O420" s="89">
        <v>8.2532788128767576E-2</v>
      </c>
      <c r="P420" s="211">
        <v>0.71095375463350807</v>
      </c>
      <c r="Q420" s="254">
        <v>0.10444707919038479</v>
      </c>
      <c r="R420" s="211">
        <v>2.9123315547601981E-2</v>
      </c>
      <c r="S420" s="89">
        <v>5.1326887000744406E-2</v>
      </c>
      <c r="T420" s="207">
        <v>73</v>
      </c>
      <c r="U420" s="211">
        <v>8.7231731230234449E-2</v>
      </c>
      <c r="V420" s="89">
        <v>7.0935913473819889E-2</v>
      </c>
      <c r="W420" s="211">
        <v>8.0736231545791334E-2</v>
      </c>
      <c r="X420" s="89">
        <v>6.9134389343771668E-2</v>
      </c>
      <c r="Y420" s="211">
        <v>0.80290872167637228</v>
      </c>
      <c r="Z420" s="89">
        <v>9.3289537029869155E-2</v>
      </c>
      <c r="AA420" s="211">
        <v>2.9123315547601981E-2</v>
      </c>
      <c r="AB420" s="89">
        <v>5.1326887000744406E-2</v>
      </c>
    </row>
    <row r="421" spans="1:28">
      <c r="A421" s="44" t="s">
        <v>546</v>
      </c>
      <c r="B421" s="208">
        <v>805</v>
      </c>
      <c r="C421" s="212">
        <v>9.7504382022034833E-2</v>
      </c>
      <c r="D421" s="92">
        <v>2.1047397417933631E-2</v>
      </c>
      <c r="E421" s="212">
        <v>9.7767048780208393E-2</v>
      </c>
      <c r="F421" s="92">
        <v>2.1071965933832714E-2</v>
      </c>
      <c r="G421" s="212">
        <v>0.79851178911970688</v>
      </c>
      <c r="H421" s="92">
        <v>2.8281623880693378E-2</v>
      </c>
      <c r="I421" s="212">
        <v>6.2167800780512806E-3</v>
      </c>
      <c r="J421" s="92">
        <v>6.5145135762527421E-3</v>
      </c>
      <c r="K421" s="208">
        <v>808</v>
      </c>
      <c r="L421" s="212">
        <v>0.14462153082393578</v>
      </c>
      <c r="M421" s="92">
        <v>2.4809357182929689E-2</v>
      </c>
      <c r="N421" s="212">
        <v>0.15102755355723382</v>
      </c>
      <c r="O421" s="92">
        <v>2.5249015664297474E-2</v>
      </c>
      <c r="P421" s="212">
        <v>0.6984939088371982</v>
      </c>
      <c r="Q421" s="255">
        <v>3.2238900999187955E-2</v>
      </c>
      <c r="R421" s="212">
        <v>5.8570067816329117E-3</v>
      </c>
      <c r="S421" s="92">
        <v>6.3643343414002407E-3</v>
      </c>
      <c r="T421" s="208">
        <v>806</v>
      </c>
      <c r="U421" s="212">
        <v>0.11402956019108493</v>
      </c>
      <c r="V421" s="92">
        <v>2.2497684567687925E-2</v>
      </c>
      <c r="W421" s="212">
        <v>0.10550985909579641</v>
      </c>
      <c r="X421" s="92">
        <v>2.1763118161187082E-2</v>
      </c>
      <c r="Y421" s="212">
        <v>0.77426187335994368</v>
      </c>
      <c r="Z421" s="92">
        <v>2.9441006076929802E-2</v>
      </c>
      <c r="AA421" s="212">
        <v>6.1987073531757989E-3</v>
      </c>
      <c r="AB421" s="92">
        <v>6.5026606042340963E-3</v>
      </c>
    </row>
    <row r="422" spans="1:28">
      <c r="A422" s="40" t="s">
        <v>547</v>
      </c>
      <c r="B422" s="207">
        <v>127</v>
      </c>
      <c r="C422" s="211">
        <v>0.12193482343971086</v>
      </c>
      <c r="D422" s="89">
        <v>5.9427859583804921E-2</v>
      </c>
      <c r="E422" s="211">
        <v>7.7878338321864776E-2</v>
      </c>
      <c r="F422" s="89">
        <v>5.0199237045282924E-2</v>
      </c>
      <c r="G422" s="211">
        <v>0.80018683823842451</v>
      </c>
      <c r="H422" s="89">
        <v>7.1046029101291833E-2</v>
      </c>
      <c r="I422" s="211">
        <v>0</v>
      </c>
      <c r="J422" s="89">
        <v>2.1425595681499328E-2</v>
      </c>
      <c r="K422" s="207">
        <v>126</v>
      </c>
      <c r="L422" s="213">
        <v>0.1486445443299893</v>
      </c>
      <c r="M422" s="89">
        <v>6.4218241087055469E-2</v>
      </c>
      <c r="N422" s="211">
        <v>0.14176306157177693</v>
      </c>
      <c r="O422" s="89">
        <v>6.3109734782868465E-2</v>
      </c>
      <c r="P422" s="211">
        <v>0.70475737786734816</v>
      </c>
      <c r="Q422" s="254">
        <v>8.0501267887597885E-2</v>
      </c>
      <c r="R422" s="211">
        <v>4.835016230886253E-3</v>
      </c>
      <c r="S422" s="89">
        <v>2.4600201617998616E-2</v>
      </c>
      <c r="T422" s="207">
        <v>127</v>
      </c>
      <c r="U422" s="211">
        <v>0.11650482877867394</v>
      </c>
      <c r="V422" s="89">
        <v>5.8420852719649259E-2</v>
      </c>
      <c r="W422" s="211">
        <v>6.0893010482375318E-2</v>
      </c>
      <c r="X422" s="89">
        <v>4.5827502681655523E-2</v>
      </c>
      <c r="Y422" s="211">
        <v>0.82260216073895098</v>
      </c>
      <c r="Z422" s="89">
        <v>6.816826195397066E-2</v>
      </c>
      <c r="AA422" s="211">
        <v>0</v>
      </c>
      <c r="AB422" s="89">
        <v>2.1425595681499328E-2</v>
      </c>
    </row>
    <row r="423" spans="1:28">
      <c r="A423" s="44" t="s">
        <v>548</v>
      </c>
      <c r="B423" s="208">
        <v>99</v>
      </c>
      <c r="C423" s="212">
        <v>6.7303677519513633E-2</v>
      </c>
      <c r="D423" s="92">
        <v>5.4695400279572114E-2</v>
      </c>
      <c r="E423" s="212">
        <v>3.2243003254273053E-2</v>
      </c>
      <c r="F423" s="92">
        <v>4.3115255082579705E-2</v>
      </c>
      <c r="G423" s="212">
        <v>0.87993862177995852</v>
      </c>
      <c r="H423" s="92">
        <v>6.7303355515077948E-2</v>
      </c>
      <c r="I423" s="212">
        <v>2.0514697446254199E-2</v>
      </c>
      <c r="J423" s="92">
        <v>3.8214468687099178E-2</v>
      </c>
      <c r="K423" s="208">
        <v>99</v>
      </c>
      <c r="L423" s="212">
        <v>4.7247913096742929E-2</v>
      </c>
      <c r="M423" s="92">
        <v>4.8522849105004998E-2</v>
      </c>
      <c r="N423" s="212">
        <v>0.11680301295379257</v>
      </c>
      <c r="O423" s="92">
        <v>6.6637304093804153E-2</v>
      </c>
      <c r="P423" s="212">
        <v>0.80388246732635293</v>
      </c>
      <c r="Q423" s="255">
        <v>7.9972949026839518E-2</v>
      </c>
      <c r="R423" s="212">
        <v>3.2066606623111303E-2</v>
      </c>
      <c r="S423" s="92">
        <v>4.3046528225603557E-2</v>
      </c>
      <c r="T423" s="208">
        <v>99</v>
      </c>
      <c r="U423" s="212">
        <v>6.986277330183005E-2</v>
      </c>
      <c r="V423" s="92">
        <v>5.5414856703120706E-2</v>
      </c>
      <c r="W423" s="212">
        <v>0.11215781069468569</v>
      </c>
      <c r="X423" s="92">
        <v>6.5666058869075353E-2</v>
      </c>
      <c r="Y423" s="212">
        <v>0.79746471855722956</v>
      </c>
      <c r="Z423" s="92">
        <v>8.0833986249435788E-2</v>
      </c>
      <c r="AA423" s="212">
        <v>2.0514697446254199E-2</v>
      </c>
      <c r="AB423" s="92">
        <v>3.8214468687099178E-2</v>
      </c>
    </row>
    <row r="424" spans="1:28">
      <c r="A424" s="40" t="s">
        <v>538</v>
      </c>
      <c r="B424" s="207">
        <v>125</v>
      </c>
      <c r="C424" s="211">
        <v>8.6545095634480304E-2</v>
      </c>
      <c r="D424" s="89">
        <v>5.2677730017546061E-2</v>
      </c>
      <c r="E424" s="211">
        <v>0.12161368859729565</v>
      </c>
      <c r="F424" s="89">
        <v>5.9861670623970339E-2</v>
      </c>
      <c r="G424" s="211">
        <v>0.79184121576822508</v>
      </c>
      <c r="H424" s="89">
        <v>7.2609981805301732E-2</v>
      </c>
      <c r="I424" s="211">
        <v>0</v>
      </c>
      <c r="J424" s="89">
        <v>2.1755160342254897E-2</v>
      </c>
      <c r="K424" s="207">
        <v>125</v>
      </c>
      <c r="L424" s="213">
        <v>8.3734000131141822E-2</v>
      </c>
      <c r="M424" s="89">
        <v>5.2029180450733271E-2</v>
      </c>
      <c r="N424" s="211">
        <v>0.13442242814094058</v>
      </c>
      <c r="O424" s="89">
        <v>6.2135816136323747E-2</v>
      </c>
      <c r="P424" s="211">
        <v>0.78184357172791863</v>
      </c>
      <c r="Q424" s="254">
        <v>7.375090616933716E-2</v>
      </c>
      <c r="R424" s="211">
        <v>0</v>
      </c>
      <c r="S424" s="89">
        <v>2.1755160342254897E-2</v>
      </c>
      <c r="T424" s="207">
        <v>125</v>
      </c>
      <c r="U424" s="211">
        <v>5.5594683105061583E-2</v>
      </c>
      <c r="V424" s="89">
        <v>4.4742794634315255E-2</v>
      </c>
      <c r="W424" s="211">
        <v>4.2470502683052844E-2</v>
      </c>
      <c r="X424" s="89">
        <v>4.0709748039858495E-2</v>
      </c>
      <c r="Y424" s="211">
        <v>0.90193481421188593</v>
      </c>
      <c r="Z424" s="89">
        <v>5.5212564558489691E-2</v>
      </c>
      <c r="AA424" s="211">
        <v>0</v>
      </c>
      <c r="AB424" s="89">
        <v>2.1755160342254897E-2</v>
      </c>
    </row>
    <row r="425" spans="1:28">
      <c r="A425" s="44" t="s">
        <v>539</v>
      </c>
      <c r="B425" s="208">
        <v>96</v>
      </c>
      <c r="C425" s="212">
        <v>9.477699911700381E-2</v>
      </c>
      <c r="D425" s="92">
        <v>6.2822940046526804E-2</v>
      </c>
      <c r="E425" s="212">
        <v>0.12511824058755347</v>
      </c>
      <c r="F425" s="92">
        <v>6.9420952171337438E-2</v>
      </c>
      <c r="G425" s="212">
        <v>0.78010476029544262</v>
      </c>
      <c r="H425" s="92">
        <v>8.4307172533838848E-2</v>
      </c>
      <c r="I425" s="212">
        <v>0</v>
      </c>
      <c r="J425" s="92">
        <v>2.8000000000000001E-2</v>
      </c>
      <c r="K425" s="208">
        <v>96</v>
      </c>
      <c r="L425" s="212">
        <v>8.0492907668370625E-2</v>
      </c>
      <c r="M425" s="92">
        <v>5.9265881450952324E-2</v>
      </c>
      <c r="N425" s="212">
        <v>0.11763260538232444</v>
      </c>
      <c r="O425" s="92">
        <v>6.78992293833975E-2</v>
      </c>
      <c r="P425" s="212">
        <v>0.80187448694930497</v>
      </c>
      <c r="Q425" s="255">
        <v>8.1490182345942255E-2</v>
      </c>
      <c r="R425" s="212">
        <v>0</v>
      </c>
      <c r="S425" s="92">
        <v>2.8000000000000001E-2</v>
      </c>
      <c r="T425" s="208">
        <v>96</v>
      </c>
      <c r="U425" s="212">
        <v>5.8040924067699493E-2</v>
      </c>
      <c r="V425" s="92">
        <v>5.2909687833251624E-2</v>
      </c>
      <c r="W425" s="212">
        <v>3.9462144978637981E-2</v>
      </c>
      <c r="X425" s="92">
        <v>4.6704664083787095E-2</v>
      </c>
      <c r="Y425" s="212">
        <v>0.90249693095366235</v>
      </c>
      <c r="Z425" s="92">
        <v>6.3465681081973369E-2</v>
      </c>
      <c r="AA425" s="212">
        <v>0</v>
      </c>
      <c r="AB425" s="92">
        <v>2.8000000000000001E-2</v>
      </c>
    </row>
    <row r="426" spans="1:28">
      <c r="A426" s="40" t="s">
        <v>540</v>
      </c>
      <c r="B426" s="207">
        <v>260</v>
      </c>
      <c r="C426" s="211">
        <v>4.442426914522838E-2</v>
      </c>
      <c r="D426" s="89">
        <v>2.7161826436088464E-2</v>
      </c>
      <c r="E426" s="211">
        <v>4.7939132187406551E-2</v>
      </c>
      <c r="F426" s="89">
        <v>2.8011565587443211E-2</v>
      </c>
      <c r="G426" s="211">
        <v>0.90707218586761873</v>
      </c>
      <c r="H426" s="89">
        <v>3.6778543158735251E-2</v>
      </c>
      <c r="I426" s="211">
        <v>5.6441279974513581E-4</v>
      </c>
      <c r="J426" s="89">
        <v>1.1054613354997078E-2</v>
      </c>
      <c r="K426" s="207">
        <v>258</v>
      </c>
      <c r="L426" s="213">
        <v>0.13765855810898645</v>
      </c>
      <c r="M426" s="89">
        <v>4.3279135271848651E-2</v>
      </c>
      <c r="N426" s="211">
        <v>0.20300266753949253</v>
      </c>
      <c r="O426" s="89">
        <v>5.0109099406552407E-2</v>
      </c>
      <c r="P426" s="211">
        <v>0.65877574312670228</v>
      </c>
      <c r="Q426" s="254">
        <v>5.868198031429727E-2</v>
      </c>
      <c r="R426" s="211">
        <v>5.630312248176187E-4</v>
      </c>
      <c r="S426" s="89">
        <v>1.1134829060131069E-2</v>
      </c>
      <c r="T426" s="207">
        <v>262</v>
      </c>
      <c r="U426" s="211">
        <v>3.1729282322151942E-2</v>
      </c>
      <c r="V426" s="89">
        <v>2.3673137880895336E-2</v>
      </c>
      <c r="W426" s="211">
        <v>7.4739851938948582E-2</v>
      </c>
      <c r="X426" s="89">
        <v>3.3482549629409913E-2</v>
      </c>
      <c r="Y426" s="211">
        <v>0.89297149781591112</v>
      </c>
      <c r="Z426" s="89">
        <v>3.8813781464843725E-2</v>
      </c>
      <c r="AA426" s="211">
        <v>5.5936792298629163E-4</v>
      </c>
      <c r="AB426" s="89">
        <v>1.0971345075101233E-2</v>
      </c>
    </row>
    <row r="427" spans="1:28" ht="25.5">
      <c r="A427" s="44" t="s">
        <v>541</v>
      </c>
      <c r="B427" s="208">
        <v>113</v>
      </c>
      <c r="C427" s="212">
        <v>3.7323708160498771E-2</v>
      </c>
      <c r="D427" s="92">
        <v>4.1476040103931668E-2</v>
      </c>
      <c r="E427" s="212">
        <v>3.4472035862606012E-2</v>
      </c>
      <c r="F427" s="92">
        <v>4.044564547626648E-2</v>
      </c>
      <c r="G427" s="212">
        <v>0.92820425597689582</v>
      </c>
      <c r="H427" s="92">
        <v>5.1957958340138333E-2</v>
      </c>
      <c r="I427" s="212">
        <v>0</v>
      </c>
      <c r="J427" s="92">
        <v>2.3967079753657358E-2</v>
      </c>
      <c r="K427" s="208">
        <v>111</v>
      </c>
      <c r="L427" s="212">
        <v>4.6287365368047471E-2</v>
      </c>
      <c r="M427" s="92">
        <v>4.499899672586307E-2</v>
      </c>
      <c r="N427" s="212">
        <v>0.19373249546701388</v>
      </c>
      <c r="O427" s="92">
        <v>7.5206830465657792E-2</v>
      </c>
      <c r="P427" s="212">
        <v>0.75998013916493934</v>
      </c>
      <c r="Q427" s="255">
        <v>8.065610206601509E-2</v>
      </c>
      <c r="R427" s="212">
        <v>0</v>
      </c>
      <c r="S427" s="92">
        <v>2.4380210707016403E-2</v>
      </c>
      <c r="T427" s="208">
        <v>114</v>
      </c>
      <c r="U427" s="212">
        <v>1.1242742464672138E-2</v>
      </c>
      <c r="V427" s="92">
        <v>3.0274084305316688E-2</v>
      </c>
      <c r="W427" s="212">
        <v>4.3390572612637922E-2</v>
      </c>
      <c r="X427" s="92">
        <v>4.3336803089993679E-2</v>
      </c>
      <c r="Y427" s="212">
        <v>0.94536668492269005</v>
      </c>
      <c r="Z427" s="92">
        <v>4.68926467745703E-2</v>
      </c>
      <c r="AA427" s="212">
        <v>0</v>
      </c>
      <c r="AB427" s="92">
        <v>2.3765720057393202E-2</v>
      </c>
    </row>
    <row r="428" spans="1:28" ht="25.5">
      <c r="A428" s="52" t="s">
        <v>549</v>
      </c>
      <c r="B428" s="207">
        <v>68</v>
      </c>
      <c r="C428" s="211">
        <v>2.3307212008691768E-3</v>
      </c>
      <c r="D428" s="89">
        <v>4.0194162897839981E-2</v>
      </c>
      <c r="E428" s="211">
        <v>6.5944994798621384E-2</v>
      </c>
      <c r="F428" s="89">
        <v>6.7473661173319543E-2</v>
      </c>
      <c r="G428" s="211">
        <v>0.93172428400050944</v>
      </c>
      <c r="H428" s="89">
        <v>6.8210628579962407E-2</v>
      </c>
      <c r="I428" s="211">
        <v>0</v>
      </c>
      <c r="J428" s="89">
        <v>3.8734260487688681E-2</v>
      </c>
      <c r="K428" s="207">
        <v>67</v>
      </c>
      <c r="L428" s="213">
        <v>0.17717716503431888</v>
      </c>
      <c r="M428" s="89">
        <v>9.4107260084021108E-2</v>
      </c>
      <c r="N428" s="211">
        <v>0.17771379194146231</v>
      </c>
      <c r="O428" s="89">
        <v>9.4199490514573436E-2</v>
      </c>
      <c r="P428" s="211">
        <v>0.64510904302421879</v>
      </c>
      <c r="Q428" s="254">
        <v>0.11414078555472</v>
      </c>
      <c r="R428" s="211">
        <v>0</v>
      </c>
      <c r="S428" s="89">
        <v>3.9271909274046654E-2</v>
      </c>
      <c r="T428" s="207">
        <v>68</v>
      </c>
      <c r="U428" s="211">
        <v>8.1877138579703485E-3</v>
      </c>
      <c r="V428" s="89">
        <v>4.362059567527498E-2</v>
      </c>
      <c r="W428" s="211">
        <v>0.14363523243185344</v>
      </c>
      <c r="X428" s="89">
        <v>8.715338957931261E-2</v>
      </c>
      <c r="Y428" s="211">
        <v>0.84817705371017649</v>
      </c>
      <c r="Z428" s="89">
        <v>8.8778212008687435E-2</v>
      </c>
      <c r="AA428" s="211">
        <v>0</v>
      </c>
      <c r="AB428" s="89">
        <v>3.8734260487688681E-2</v>
      </c>
    </row>
    <row r="429" spans="1:28">
      <c r="A429" s="44" t="s">
        <v>543</v>
      </c>
      <c r="B429" s="208">
        <v>79</v>
      </c>
      <c r="C429" s="212">
        <v>8.2376052610153877E-2</v>
      </c>
      <c r="D429" s="92">
        <v>6.6584756669043052E-2</v>
      </c>
      <c r="E429" s="212">
        <v>5.438280987247715E-2</v>
      </c>
      <c r="F429" s="92">
        <v>5.8124855143778055E-2</v>
      </c>
      <c r="G429" s="212">
        <v>0.86152313712308126</v>
      </c>
      <c r="H429" s="92">
        <v>7.9636208760133512E-2</v>
      </c>
      <c r="I429" s="212">
        <v>1.7180003942875006E-3</v>
      </c>
      <c r="J429" s="92">
        <v>3.4758704188477915E-2</v>
      </c>
      <c r="K429" s="208">
        <v>80</v>
      </c>
      <c r="L429" s="212">
        <v>0.23542161509415571</v>
      </c>
      <c r="M429" s="92">
        <v>9.4240415660570578E-2</v>
      </c>
      <c r="N429" s="212">
        <v>0.23229306684166301</v>
      </c>
      <c r="O429" s="92">
        <v>9.3858027664360438E-2</v>
      </c>
      <c r="P429" s="212">
        <v>0.53058658880089349</v>
      </c>
      <c r="Q429" s="255">
        <v>0.1089236163497399</v>
      </c>
      <c r="R429" s="212">
        <v>1.6987292632869133E-3</v>
      </c>
      <c r="S429" s="92">
        <v>3.4351689849177608E-2</v>
      </c>
      <c r="T429" s="208">
        <v>80</v>
      </c>
      <c r="U429" s="212">
        <v>7.5481136915596936E-2</v>
      </c>
      <c r="V429" s="92">
        <v>6.4194101139605858E-2</v>
      </c>
      <c r="W429" s="212">
        <v>7.2201255164466294E-2</v>
      </c>
      <c r="X429" s="92">
        <v>6.3246657452871655E-2</v>
      </c>
      <c r="Y429" s="212">
        <v>0.85061887865664954</v>
      </c>
      <c r="Z429" s="92">
        <v>8.1209782033702702E-2</v>
      </c>
      <c r="AA429" s="212">
        <v>1.6987292632869133E-3</v>
      </c>
      <c r="AB429" s="92">
        <v>3.4351689849177608E-2</v>
      </c>
    </row>
    <row r="430" spans="1:28">
      <c r="A430" s="52" t="s">
        <v>544</v>
      </c>
      <c r="B430" s="207">
        <v>113</v>
      </c>
      <c r="C430" s="211">
        <v>5.0059717893533258E-2</v>
      </c>
      <c r="D430" s="89">
        <v>4.5726649023950981E-2</v>
      </c>
      <c r="E430" s="211">
        <v>0.13045320763408666</v>
      </c>
      <c r="F430" s="89">
        <v>6.4744947224330926E-2</v>
      </c>
      <c r="G430" s="211">
        <v>0.80883107089228357</v>
      </c>
      <c r="H430" s="89">
        <v>7.4198479579013002E-2</v>
      </c>
      <c r="I430" s="211">
        <v>1.0656003580096522E-2</v>
      </c>
      <c r="J430" s="89">
        <v>3.0176537889469345E-2</v>
      </c>
      <c r="K430" s="207">
        <v>112</v>
      </c>
      <c r="L430" s="213">
        <v>0.16115902688191328</v>
      </c>
      <c r="M430" s="89">
        <v>7.0213572503250429E-2</v>
      </c>
      <c r="N430" s="211">
        <v>0.11288333013337898</v>
      </c>
      <c r="O430" s="89">
        <v>6.1671436786564338E-2</v>
      </c>
      <c r="P430" s="211">
        <v>0.72595764298470755</v>
      </c>
      <c r="Q430" s="254">
        <v>8.3543009032981244E-2</v>
      </c>
      <c r="R430" s="211">
        <v>0</v>
      </c>
      <c r="S430" s="89">
        <v>2.4171880321350918E-2</v>
      </c>
      <c r="T430" s="207">
        <v>112</v>
      </c>
      <c r="U430" s="211">
        <v>6.6551549141535285E-2</v>
      </c>
      <c r="V430" s="89">
        <v>5.0805958009736515E-2</v>
      </c>
      <c r="W430" s="211">
        <v>6.5592105693140598E-2</v>
      </c>
      <c r="X430" s="89">
        <v>5.0541854047809857E-2</v>
      </c>
      <c r="Y430" s="211">
        <v>0.85706073892194434</v>
      </c>
      <c r="Z430" s="89">
        <v>6.7248537963668836E-2</v>
      </c>
      <c r="AA430" s="211">
        <v>1.0795606243379798E-2</v>
      </c>
      <c r="AB430" s="89">
        <v>3.0455952566862166E-2</v>
      </c>
    </row>
    <row r="431" spans="1:28">
      <c r="A431" s="44" t="s">
        <v>545</v>
      </c>
      <c r="B431" s="208">
        <v>121</v>
      </c>
      <c r="C431" s="212">
        <v>4.8794587481173844E-2</v>
      </c>
      <c r="D431" s="92">
        <v>4.3537470049406939E-2</v>
      </c>
      <c r="E431" s="212">
        <v>8.3785698237690415E-2</v>
      </c>
      <c r="F431" s="92">
        <v>5.2967993692401676E-2</v>
      </c>
      <c r="G431" s="212">
        <v>0.84784227366708431</v>
      </c>
      <c r="H431" s="92">
        <v>6.6121218711386653E-2</v>
      </c>
      <c r="I431" s="212">
        <v>1.9577440614052005E-2</v>
      </c>
      <c r="J431" s="92">
        <v>3.2853318972046248E-2</v>
      </c>
      <c r="K431" s="208">
        <v>122</v>
      </c>
      <c r="L431" s="212">
        <v>0.10443640970152307</v>
      </c>
      <c r="M431" s="92">
        <v>5.7267512523629986E-2</v>
      </c>
      <c r="N431" s="212">
        <v>0.12994428208808459</v>
      </c>
      <c r="O431" s="92">
        <v>6.2135396544816174E-2</v>
      </c>
      <c r="P431" s="212">
        <v>0.74619753904148878</v>
      </c>
      <c r="Q431" s="255">
        <v>7.831036016833913E-2</v>
      </c>
      <c r="R431" s="212">
        <v>1.942176916890373E-2</v>
      </c>
      <c r="S431" s="92">
        <v>3.2599367962353278E-2</v>
      </c>
      <c r="T431" s="208">
        <v>123</v>
      </c>
      <c r="U431" s="212">
        <v>6.5926335561660762E-2</v>
      </c>
      <c r="V431" s="92">
        <v>4.8036113011907786E-2</v>
      </c>
      <c r="W431" s="212">
        <v>8.3668327651400989E-2</v>
      </c>
      <c r="X431" s="92">
        <v>5.2471078767927289E-2</v>
      </c>
      <c r="Y431" s="212">
        <v>0.83120003964515643</v>
      </c>
      <c r="Z431" s="92">
        <v>6.8068409833776711E-2</v>
      </c>
      <c r="AA431" s="212">
        <v>1.9205297141782096E-2</v>
      </c>
      <c r="AB431" s="92">
        <v>3.2321525573158802E-2</v>
      </c>
    </row>
  </sheetData>
  <mergeCells count="59">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3:D3"/>
    <mergeCell ref="A4:D4"/>
    <mergeCell ref="A5:D5"/>
    <mergeCell ref="A32:BD32"/>
    <mergeCell ref="A149:AH149"/>
    <mergeCell ref="A148:AH148"/>
    <mergeCell ref="A119:D119"/>
    <mergeCell ref="A120:D120"/>
    <mergeCell ref="A121:D121"/>
    <mergeCell ref="M34:W34"/>
    <mergeCell ref="A33:BD33"/>
    <mergeCell ref="A90:W90"/>
    <mergeCell ref="M92:W92"/>
    <mergeCell ref="K411:S411"/>
    <mergeCell ref="B411:J411"/>
    <mergeCell ref="A380:D380"/>
    <mergeCell ref="T411:AB411"/>
    <mergeCell ref="A294:S294"/>
    <mergeCell ref="A381:D381"/>
    <mergeCell ref="A382:D382"/>
    <mergeCell ref="K353:S353"/>
    <mergeCell ref="T353:AB353"/>
    <mergeCell ref="A293:S293"/>
    <mergeCell ref="A266:D266"/>
    <mergeCell ref="B295:J295"/>
    <mergeCell ref="A324:D324"/>
    <mergeCell ref="A322:D322"/>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4"/>
  <sheetViews>
    <sheetView zoomScaleNormal="100" workbookViewId="0"/>
  </sheetViews>
  <sheetFormatPr defaultColWidth="21.28515625" defaultRowHeight="15"/>
  <cols>
    <col min="1" max="1" width="42.140625" customWidth="1"/>
  </cols>
  <sheetData>
    <row r="1" spans="1:4" ht="31.5">
      <c r="A1" s="30" t="s">
        <v>52</v>
      </c>
    </row>
    <row r="3" spans="1:4" ht="18.75">
      <c r="A3" s="419" t="s">
        <v>17</v>
      </c>
      <c r="B3" s="419"/>
      <c r="C3" s="419"/>
      <c r="D3" s="419"/>
    </row>
    <row r="4" spans="1:4" ht="176.25" customHeight="1">
      <c r="A4" s="414" t="s">
        <v>436</v>
      </c>
      <c r="B4" s="414"/>
      <c r="C4" s="414"/>
      <c r="D4" s="414"/>
    </row>
    <row r="5" spans="1:4" ht="36.75" customHeight="1">
      <c r="A5" s="402" t="s">
        <v>149</v>
      </c>
      <c r="B5" s="402"/>
      <c r="C5" s="402"/>
      <c r="D5" s="402"/>
    </row>
    <row r="6" spans="1:4" ht="72">
      <c r="A6" s="32" t="s">
        <v>71</v>
      </c>
      <c r="B6" s="33" t="s">
        <v>72</v>
      </c>
      <c r="C6" s="34" t="s">
        <v>583</v>
      </c>
      <c r="D6" s="35" t="s">
        <v>73</v>
      </c>
    </row>
    <row r="7" spans="1:4" ht="60">
      <c r="A7" s="36"/>
      <c r="B7" s="37" t="s">
        <v>74</v>
      </c>
      <c r="C7" s="121" t="s">
        <v>150</v>
      </c>
      <c r="D7" s="39" t="s">
        <v>76</v>
      </c>
    </row>
    <row r="8" spans="1:4">
      <c r="A8" s="40" t="s">
        <v>350</v>
      </c>
      <c r="B8" s="214">
        <v>4275</v>
      </c>
      <c r="C8" s="79">
        <v>4.2385792530181288</v>
      </c>
      <c r="D8" s="80">
        <v>4.3532973073410114E-2</v>
      </c>
    </row>
    <row r="9" spans="1:4">
      <c r="A9" s="44" t="s">
        <v>351</v>
      </c>
      <c r="B9" s="44">
        <v>3994</v>
      </c>
      <c r="C9" s="216">
        <v>4.055070682855435</v>
      </c>
      <c r="D9" s="217">
        <v>4.4276035278054293E-2</v>
      </c>
    </row>
    <row r="10" spans="1:4">
      <c r="A10" s="40" t="s">
        <v>352</v>
      </c>
      <c r="B10" s="48">
        <v>281</v>
      </c>
      <c r="C10" s="79">
        <v>4.8525911245161026</v>
      </c>
      <c r="D10" s="80">
        <v>0.19225820332976956</v>
      </c>
    </row>
    <row r="11" spans="1:4">
      <c r="A11" s="44" t="s">
        <v>534</v>
      </c>
      <c r="B11" s="44">
        <v>381</v>
      </c>
      <c r="C11" s="216">
        <v>4.5586233559583711</v>
      </c>
      <c r="D11" s="217">
        <v>0.15581791927672686</v>
      </c>
    </row>
    <row r="12" spans="1:4">
      <c r="A12" s="40" t="s">
        <v>535</v>
      </c>
      <c r="B12" s="48">
        <v>319</v>
      </c>
      <c r="C12" s="79">
        <v>4.1652648630307434</v>
      </c>
      <c r="D12" s="80">
        <v>0.16521834800406368</v>
      </c>
    </row>
    <row r="13" spans="1:4">
      <c r="A13" s="44" t="s">
        <v>536</v>
      </c>
      <c r="B13" s="44">
        <v>61</v>
      </c>
      <c r="C13" s="216">
        <v>3.6601095744532226</v>
      </c>
      <c r="D13" s="217">
        <v>0.34137494308886895</v>
      </c>
    </row>
    <row r="14" spans="1:4">
      <c r="A14" s="40" t="s">
        <v>537</v>
      </c>
      <c r="B14" s="48">
        <v>28</v>
      </c>
      <c r="C14" s="79">
        <v>3.3261417882395516</v>
      </c>
      <c r="D14" s="80">
        <v>0.49383807053463119</v>
      </c>
    </row>
    <row r="15" spans="1:4">
      <c r="A15" s="44" t="s">
        <v>546</v>
      </c>
      <c r="B15" s="44">
        <v>64</v>
      </c>
      <c r="C15" s="216">
        <v>5.1058313457282054</v>
      </c>
      <c r="D15" s="217">
        <v>0.38173967630190558</v>
      </c>
    </row>
    <row r="16" spans="1:4">
      <c r="A16" s="40" t="s">
        <v>547</v>
      </c>
      <c r="B16" s="48">
        <v>9</v>
      </c>
      <c r="C16" s="79">
        <v>5.0212107929268157</v>
      </c>
      <c r="D16" s="80">
        <v>1.148096317537181</v>
      </c>
    </row>
    <row r="17" spans="1:79">
      <c r="A17" s="44" t="s">
        <v>548</v>
      </c>
      <c r="B17" s="44">
        <v>30</v>
      </c>
      <c r="C17" s="216">
        <v>4.4360327972111699</v>
      </c>
      <c r="D17" s="217">
        <v>0.46509968496937865</v>
      </c>
    </row>
    <row r="18" spans="1:79">
      <c r="A18" s="40" t="s">
        <v>538</v>
      </c>
      <c r="B18" s="214">
        <v>41</v>
      </c>
      <c r="C18" s="79">
        <v>4.6760863762197014</v>
      </c>
      <c r="D18" s="80">
        <v>0.4262595512925309</v>
      </c>
    </row>
    <row r="19" spans="1:79">
      <c r="A19" s="44" t="s">
        <v>539</v>
      </c>
      <c r="B19" s="215">
        <v>33</v>
      </c>
      <c r="C19" s="216">
        <v>4.5804267955782461</v>
      </c>
      <c r="D19" s="217">
        <v>0.50193283234978547</v>
      </c>
    </row>
    <row r="20" spans="1:79">
      <c r="A20" s="40" t="s">
        <v>540</v>
      </c>
      <c r="B20" s="78">
        <v>111</v>
      </c>
      <c r="C20" s="79">
        <v>3.1825573607044175</v>
      </c>
      <c r="D20" s="80">
        <v>0.26174885698639888</v>
      </c>
    </row>
    <row r="21" spans="1:79" ht="25.5">
      <c r="A21" s="44" t="s">
        <v>541</v>
      </c>
      <c r="B21" s="215">
        <v>57</v>
      </c>
      <c r="C21" s="216">
        <v>3.0636516886322287</v>
      </c>
      <c r="D21" s="217">
        <v>0.29354544920138909</v>
      </c>
    </row>
    <row r="22" spans="1:79" ht="25.5">
      <c r="A22" s="52" t="s">
        <v>549</v>
      </c>
      <c r="B22" s="214">
        <v>26</v>
      </c>
      <c r="C22" s="79">
        <v>3.4549650210349983</v>
      </c>
      <c r="D22" s="80">
        <v>0.64982332448756597</v>
      </c>
    </row>
    <row r="23" spans="1:79">
      <c r="A23" s="44" t="s">
        <v>543</v>
      </c>
      <c r="B23" s="215">
        <v>28</v>
      </c>
      <c r="C23" s="216">
        <v>3.2612419238836083</v>
      </c>
      <c r="D23" s="217">
        <v>0.53706765341619334</v>
      </c>
    </row>
    <row r="24" spans="1:79">
      <c r="A24" s="52" t="s">
        <v>544</v>
      </c>
      <c r="B24" s="214">
        <v>39</v>
      </c>
      <c r="C24" s="79">
        <v>4.9238093933906528</v>
      </c>
      <c r="D24" s="80">
        <v>0.39576209948448476</v>
      </c>
    </row>
    <row r="25" spans="1:79">
      <c r="A25" s="44" t="s">
        <v>545</v>
      </c>
      <c r="B25" s="215">
        <v>35</v>
      </c>
      <c r="C25" s="216">
        <v>4.7422424863814987</v>
      </c>
      <c r="D25" s="217">
        <v>0.3778612792110374</v>
      </c>
    </row>
    <row r="26" spans="1:79">
      <c r="W26" s="240"/>
      <c r="X26" s="240"/>
      <c r="Y26" s="240"/>
      <c r="Z26" s="240"/>
      <c r="AA26" s="240"/>
      <c r="AB26" s="240"/>
      <c r="AC26" s="240"/>
      <c r="AD26" s="240"/>
      <c r="AE26" s="240"/>
      <c r="AF26" s="240"/>
      <c r="AG26" s="240"/>
      <c r="AH26" s="240"/>
      <c r="AI26" s="240"/>
      <c r="AJ26" s="240"/>
      <c r="AK26" s="240"/>
      <c r="AL26" s="240"/>
      <c r="AM26" s="240"/>
      <c r="AN26" s="240"/>
      <c r="AO26" s="240"/>
      <c r="AP26" s="240"/>
      <c r="AQ26" s="240"/>
      <c r="AR26" s="240"/>
      <c r="AS26" s="240"/>
      <c r="AT26" s="240"/>
      <c r="AU26" s="240"/>
      <c r="AV26" s="240"/>
      <c r="AW26" s="240"/>
      <c r="AX26" s="240"/>
      <c r="AY26" s="240"/>
      <c r="AZ26" s="240"/>
      <c r="BA26" s="240"/>
      <c r="BB26" s="240"/>
      <c r="BC26" s="240"/>
      <c r="BD26" s="240"/>
      <c r="BE26" s="240"/>
      <c r="BF26" s="240"/>
      <c r="BG26" s="240"/>
      <c r="BH26" s="240"/>
      <c r="BI26" s="240"/>
      <c r="BJ26" s="240"/>
      <c r="BK26" s="240"/>
      <c r="BL26" s="240"/>
      <c r="BM26" s="240"/>
      <c r="BN26" s="240"/>
      <c r="BO26" s="240"/>
      <c r="BP26" s="240"/>
      <c r="BQ26" s="240"/>
      <c r="BR26" s="240"/>
      <c r="BS26" s="240"/>
      <c r="BT26" s="240"/>
      <c r="BU26" s="240"/>
      <c r="BV26" s="240"/>
      <c r="BW26" s="240"/>
      <c r="BX26" s="240"/>
      <c r="BY26" s="240"/>
      <c r="BZ26" s="240"/>
      <c r="CA26" s="240"/>
    </row>
    <row r="27" spans="1:79">
      <c r="W27" s="240"/>
      <c r="X27" s="240"/>
      <c r="Y27" s="240"/>
      <c r="Z27" s="240"/>
      <c r="AA27" s="240"/>
      <c r="AB27" s="240"/>
      <c r="AC27" s="240"/>
      <c r="AD27" s="240"/>
      <c r="AE27" s="240"/>
      <c r="AF27" s="240"/>
      <c r="AG27" s="240"/>
      <c r="AH27" s="240"/>
      <c r="AI27" s="240"/>
      <c r="AJ27" s="240"/>
      <c r="AK27" s="240"/>
      <c r="AL27" s="240"/>
      <c r="AM27" s="240"/>
      <c r="AN27" s="240"/>
      <c r="AO27" s="240"/>
      <c r="AP27" s="240"/>
      <c r="AQ27" s="240"/>
      <c r="AR27" s="240"/>
      <c r="AS27" s="240"/>
      <c r="AT27" s="240"/>
      <c r="AU27" s="240"/>
      <c r="AV27" s="240"/>
      <c r="AW27" s="240"/>
      <c r="AX27" s="240"/>
      <c r="AY27" s="240"/>
      <c r="AZ27" s="240"/>
      <c r="BA27" s="240"/>
      <c r="BB27" s="240"/>
      <c r="BC27" s="240"/>
      <c r="BD27" s="240"/>
      <c r="BE27" s="240"/>
      <c r="BF27" s="240"/>
      <c r="BG27" s="240"/>
      <c r="BH27" s="240"/>
      <c r="BI27" s="240"/>
      <c r="BJ27" s="240"/>
      <c r="BK27" s="240"/>
      <c r="BL27" s="240"/>
      <c r="BM27" s="240"/>
      <c r="BN27" s="240"/>
      <c r="BO27" s="240"/>
      <c r="BP27" s="240"/>
      <c r="BQ27" s="240"/>
      <c r="BR27" s="240"/>
      <c r="BS27" s="240"/>
      <c r="BT27" s="240"/>
      <c r="BU27" s="240"/>
      <c r="BV27" s="240"/>
      <c r="BW27" s="240"/>
      <c r="BX27" s="240"/>
      <c r="BY27" s="240"/>
      <c r="BZ27" s="240"/>
      <c r="CA27" s="240"/>
    </row>
    <row r="28" spans="1:79">
      <c r="W28" s="240"/>
      <c r="X28" s="240"/>
      <c r="Y28" s="240"/>
      <c r="Z28" s="240"/>
      <c r="AA28" s="240"/>
      <c r="AB28" s="240"/>
      <c r="AC28" s="240"/>
      <c r="AD28" s="240"/>
      <c r="AE28" s="240"/>
      <c r="AF28" s="240"/>
      <c r="AG28" s="240"/>
      <c r="AH28" s="240"/>
      <c r="AI28" s="240"/>
      <c r="AJ28" s="240"/>
      <c r="AK28" s="240"/>
      <c r="AL28" s="240"/>
      <c r="AM28" s="240"/>
      <c r="AN28" s="240"/>
      <c r="AO28" s="240"/>
      <c r="AP28" s="240"/>
      <c r="AQ28" s="240"/>
      <c r="AR28" s="240"/>
      <c r="AS28" s="240"/>
      <c r="AT28" s="240"/>
      <c r="AU28" s="240"/>
      <c r="AV28" s="240"/>
      <c r="AW28" s="240"/>
      <c r="AX28" s="240"/>
      <c r="AY28" s="240"/>
      <c r="AZ28" s="240"/>
      <c r="BA28" s="240"/>
      <c r="BB28" s="240"/>
      <c r="BC28" s="240"/>
      <c r="BD28" s="240"/>
      <c r="BE28" s="240"/>
      <c r="BF28" s="240"/>
      <c r="BG28" s="240"/>
      <c r="BH28" s="240"/>
      <c r="BI28" s="240"/>
      <c r="BJ28" s="240"/>
      <c r="BK28" s="240"/>
      <c r="BL28" s="240"/>
      <c r="BM28" s="240"/>
      <c r="BN28" s="240"/>
      <c r="BO28" s="240"/>
      <c r="BP28" s="240"/>
      <c r="BQ28" s="240"/>
      <c r="BR28" s="240"/>
      <c r="BS28" s="240"/>
      <c r="BT28" s="240"/>
      <c r="BU28" s="240"/>
      <c r="BV28" s="240"/>
      <c r="BW28" s="240"/>
      <c r="BX28" s="240"/>
      <c r="BY28" s="240"/>
      <c r="BZ28" s="240"/>
      <c r="CA28" s="240"/>
    </row>
    <row r="29" spans="1:79">
      <c r="W29" s="240"/>
      <c r="X29" s="240"/>
      <c r="Y29" s="240"/>
      <c r="Z29" s="240"/>
      <c r="AA29" s="240"/>
      <c r="AB29" s="240"/>
      <c r="AC29" s="240"/>
      <c r="AD29" s="240"/>
      <c r="AE29" s="240"/>
      <c r="AF29" s="240"/>
      <c r="AG29" s="240"/>
      <c r="AH29" s="240"/>
      <c r="AI29" s="240"/>
      <c r="AJ29" s="240"/>
      <c r="AK29" s="240"/>
      <c r="AL29" s="240"/>
      <c r="AM29" s="240"/>
      <c r="AN29" s="240"/>
      <c r="AO29" s="240"/>
      <c r="AP29" s="240"/>
      <c r="AQ29" s="240"/>
      <c r="AR29" s="240"/>
      <c r="AS29" s="240"/>
      <c r="AT29" s="240"/>
      <c r="AU29" s="240"/>
      <c r="AV29" s="240"/>
      <c r="AW29" s="240"/>
      <c r="AX29" s="240"/>
      <c r="AY29" s="240"/>
      <c r="AZ29" s="240"/>
      <c r="BA29" s="240"/>
      <c r="BB29" s="240"/>
      <c r="BC29" s="240"/>
      <c r="BD29" s="240"/>
      <c r="BE29" s="240"/>
      <c r="BF29" s="240"/>
      <c r="BG29" s="240"/>
      <c r="BH29" s="240"/>
      <c r="BI29" s="240"/>
      <c r="BJ29" s="240"/>
      <c r="BK29" s="240"/>
      <c r="BL29" s="240"/>
      <c r="BM29" s="240"/>
      <c r="BN29" s="240"/>
      <c r="BO29" s="240"/>
      <c r="BP29" s="240"/>
      <c r="BQ29" s="240"/>
      <c r="BR29" s="240"/>
      <c r="BS29" s="240"/>
      <c r="BT29" s="240"/>
      <c r="BU29" s="240"/>
      <c r="BV29" s="240"/>
      <c r="BW29" s="240"/>
      <c r="BX29" s="240"/>
      <c r="BY29" s="240"/>
      <c r="BZ29" s="240"/>
      <c r="CA29" s="240"/>
    </row>
    <row r="30" spans="1:79">
      <c r="W30" s="240"/>
      <c r="X30" s="240"/>
      <c r="Y30" s="240"/>
      <c r="Z30" s="240"/>
      <c r="AA30" s="240"/>
      <c r="AB30" s="240"/>
      <c r="AC30" s="240"/>
      <c r="AD30" s="240"/>
      <c r="AE30" s="240"/>
      <c r="AF30" s="240"/>
      <c r="AG30" s="240"/>
      <c r="AH30" s="240"/>
      <c r="AI30" s="240"/>
      <c r="AJ30" s="240"/>
      <c r="AK30" s="240"/>
      <c r="AL30" s="240"/>
      <c r="AM30" s="240"/>
      <c r="AN30" s="240"/>
      <c r="AO30" s="240"/>
      <c r="AP30" s="240"/>
      <c r="AQ30" s="240"/>
      <c r="AR30" s="240"/>
      <c r="AS30" s="240"/>
      <c r="AT30" s="240"/>
      <c r="AU30" s="240"/>
      <c r="AV30" s="240"/>
      <c r="AW30" s="240"/>
      <c r="AX30" s="240"/>
      <c r="AY30" s="240"/>
      <c r="AZ30" s="240"/>
      <c r="BA30" s="240"/>
      <c r="BB30" s="240"/>
      <c r="BC30" s="240"/>
      <c r="BD30" s="240"/>
      <c r="BE30" s="240"/>
      <c r="BF30" s="240"/>
      <c r="BG30" s="240"/>
      <c r="BH30" s="240"/>
      <c r="BI30" s="240"/>
      <c r="BJ30" s="240"/>
      <c r="BK30" s="240"/>
      <c r="BL30" s="240"/>
      <c r="BM30" s="240"/>
      <c r="BN30" s="240"/>
      <c r="BO30" s="240"/>
      <c r="BP30" s="240"/>
      <c r="BQ30" s="240"/>
      <c r="BR30" s="240"/>
      <c r="BS30" s="240"/>
      <c r="BT30" s="240"/>
      <c r="BU30" s="240"/>
      <c r="BV30" s="240"/>
      <c r="BW30" s="240"/>
      <c r="BX30" s="240"/>
      <c r="BY30" s="240"/>
      <c r="BZ30" s="240"/>
      <c r="CA30" s="240"/>
    </row>
    <row r="31" spans="1:79">
      <c r="W31" s="240"/>
      <c r="X31" s="240"/>
      <c r="Y31" s="240"/>
      <c r="Z31" s="240"/>
      <c r="AA31" s="240"/>
      <c r="AB31" s="240"/>
      <c r="AC31" s="240"/>
      <c r="AD31" s="240"/>
      <c r="AE31" s="240"/>
      <c r="AF31" s="240"/>
      <c r="AG31" s="240"/>
      <c r="AH31" s="240"/>
      <c r="AI31" s="240"/>
      <c r="AJ31" s="240"/>
      <c r="AK31" s="240"/>
      <c r="AL31" s="240"/>
      <c r="AM31" s="240"/>
      <c r="AN31" s="240"/>
      <c r="AO31" s="240"/>
      <c r="AP31" s="240"/>
      <c r="AQ31" s="240"/>
      <c r="AR31" s="240"/>
      <c r="AS31" s="240"/>
      <c r="AT31" s="240"/>
      <c r="AU31" s="240"/>
      <c r="AV31" s="240"/>
      <c r="AW31" s="240"/>
      <c r="AX31" s="240"/>
      <c r="AY31" s="240"/>
      <c r="AZ31" s="240"/>
      <c r="BA31" s="240"/>
      <c r="BB31" s="240"/>
      <c r="BC31" s="240"/>
      <c r="BD31" s="240"/>
      <c r="BE31" s="240"/>
      <c r="BF31" s="240"/>
      <c r="BG31" s="240"/>
      <c r="BH31" s="240"/>
      <c r="BI31" s="240"/>
      <c r="BJ31" s="240"/>
      <c r="BK31" s="240"/>
      <c r="BL31" s="240"/>
      <c r="BM31" s="240"/>
      <c r="BN31" s="240"/>
      <c r="BO31" s="240"/>
      <c r="BP31" s="240"/>
      <c r="BQ31" s="240"/>
      <c r="BR31" s="240"/>
      <c r="BS31" s="240"/>
      <c r="BT31" s="240"/>
      <c r="BU31" s="240"/>
      <c r="BV31" s="240"/>
      <c r="BW31" s="240"/>
      <c r="BX31" s="240"/>
      <c r="BY31" s="240"/>
      <c r="BZ31" s="240"/>
      <c r="CA31" s="240"/>
    </row>
    <row r="32" spans="1:79" ht="18.75">
      <c r="A32" s="416" t="s">
        <v>53</v>
      </c>
      <c r="B32" s="416"/>
      <c r="C32" s="416"/>
      <c r="D32" s="416"/>
      <c r="E32" s="416"/>
      <c r="F32" s="416"/>
      <c r="G32" s="416"/>
      <c r="H32" s="416"/>
      <c r="I32" s="416"/>
      <c r="J32" s="416"/>
      <c r="K32" s="416"/>
      <c r="L32" s="416"/>
      <c r="M32" s="416"/>
      <c r="N32" s="416"/>
      <c r="O32" s="416"/>
      <c r="P32" s="416"/>
      <c r="Q32" s="416"/>
      <c r="R32" s="416"/>
      <c r="S32" s="416"/>
      <c r="T32" s="416"/>
      <c r="U32" s="416"/>
      <c r="V32" s="416"/>
      <c r="W32" s="416"/>
      <c r="X32" s="416"/>
      <c r="Y32" s="416"/>
      <c r="Z32" s="416"/>
      <c r="AA32" s="416"/>
      <c r="AB32" s="416"/>
      <c r="AC32" s="416"/>
      <c r="AD32" s="416"/>
      <c r="AE32" s="416"/>
      <c r="AF32" s="416"/>
      <c r="AG32" s="416"/>
      <c r="AH32" s="416"/>
      <c r="AI32" s="416"/>
      <c r="AJ32" s="416"/>
      <c r="AK32" s="416"/>
      <c r="AL32" s="416"/>
      <c r="AM32" s="416"/>
      <c r="AN32" s="416"/>
      <c r="AO32" s="416"/>
      <c r="AP32" s="416"/>
      <c r="AQ32" s="416"/>
      <c r="AR32" s="416"/>
      <c r="AS32" s="416"/>
      <c r="AT32" s="416"/>
      <c r="AU32" s="416"/>
      <c r="AV32" s="416"/>
      <c r="AW32" s="416"/>
      <c r="AX32" s="416"/>
      <c r="AY32" s="416"/>
      <c r="AZ32" s="416"/>
      <c r="BA32" s="416"/>
      <c r="BB32" s="416"/>
      <c r="BC32" s="416"/>
      <c r="BD32" s="416"/>
      <c r="BE32" s="416"/>
      <c r="BF32" s="416"/>
      <c r="BG32" s="416"/>
      <c r="BH32" s="416"/>
      <c r="BI32" s="416"/>
      <c r="BJ32" s="416"/>
      <c r="BK32" s="416"/>
      <c r="BL32" s="416"/>
      <c r="BM32" s="416"/>
      <c r="BN32" s="416"/>
      <c r="BO32" s="416"/>
      <c r="BP32" s="416"/>
      <c r="BQ32" s="416"/>
      <c r="BR32" s="416"/>
      <c r="BS32" s="416"/>
      <c r="BT32" s="416"/>
      <c r="BU32" s="416"/>
      <c r="BV32" s="416"/>
      <c r="BW32" s="416"/>
      <c r="BX32" s="416"/>
      <c r="BY32" s="416"/>
      <c r="BZ32" s="416"/>
    </row>
    <row r="33" spans="1:78" ht="90" customHeight="1">
      <c r="A33" s="417" t="s">
        <v>599</v>
      </c>
      <c r="B33" s="417"/>
      <c r="C33" s="417"/>
      <c r="D33" s="417"/>
      <c r="E33" s="417"/>
      <c r="F33" s="417"/>
      <c r="G33" s="417"/>
      <c r="H33" s="417"/>
      <c r="I33" s="417"/>
      <c r="J33" s="417"/>
      <c r="K33" s="417"/>
      <c r="L33" s="417"/>
      <c r="M33" s="417"/>
      <c r="N33" s="417"/>
      <c r="O33" s="417"/>
      <c r="P33" s="417"/>
      <c r="Q33" s="417"/>
      <c r="R33" s="417"/>
      <c r="S33" s="417"/>
      <c r="T33" s="417"/>
      <c r="U33" s="417"/>
      <c r="V33" s="417"/>
      <c r="W33" s="417"/>
      <c r="X33" s="417"/>
      <c r="Y33" s="417"/>
      <c r="Z33" s="417"/>
      <c r="AA33" s="417"/>
      <c r="AB33" s="417"/>
      <c r="AC33" s="417"/>
      <c r="AD33" s="417"/>
      <c r="AE33" s="417"/>
      <c r="AF33" s="417"/>
      <c r="AG33" s="417"/>
      <c r="AH33" s="417"/>
      <c r="AI33" s="417"/>
      <c r="AJ33" s="417"/>
      <c r="AK33" s="417"/>
      <c r="AL33" s="417"/>
      <c r="AM33" s="417"/>
      <c r="AN33" s="417"/>
      <c r="AO33" s="417"/>
      <c r="AP33" s="417"/>
      <c r="AQ33" s="417"/>
      <c r="AR33" s="417"/>
      <c r="AS33" s="417"/>
      <c r="AT33" s="417"/>
      <c r="AU33" s="417"/>
      <c r="AV33" s="417"/>
      <c r="AW33" s="417"/>
      <c r="AX33" s="417"/>
      <c r="AY33" s="417"/>
      <c r="AZ33" s="417"/>
      <c r="BA33" s="417"/>
      <c r="BB33" s="417"/>
      <c r="BC33" s="417"/>
      <c r="BD33" s="417"/>
      <c r="BE33" s="417"/>
      <c r="BF33" s="417"/>
      <c r="BG33" s="417"/>
      <c r="BH33" s="417"/>
      <c r="BI33" s="417"/>
      <c r="BJ33" s="417"/>
      <c r="BK33" s="417"/>
      <c r="BL33" s="417"/>
      <c r="BM33" s="417"/>
      <c r="BN33" s="417"/>
      <c r="BO33" s="417"/>
      <c r="BP33" s="417"/>
      <c r="BQ33" s="417"/>
      <c r="BR33" s="417"/>
      <c r="BS33" s="417"/>
      <c r="BT33" s="417"/>
      <c r="BU33" s="417"/>
      <c r="BV33" s="417"/>
      <c r="BW33" s="417"/>
      <c r="BX33" s="417"/>
      <c r="BY33" s="417"/>
      <c r="BZ33" s="417"/>
    </row>
    <row r="34" spans="1:78" ht="33.75" customHeight="1">
      <c r="A34" s="59"/>
      <c r="B34" s="337" t="s">
        <v>437</v>
      </c>
      <c r="C34" s="337"/>
      <c r="D34" s="337"/>
      <c r="E34" s="337"/>
      <c r="F34" s="337"/>
      <c r="G34" s="337"/>
      <c r="H34" s="337"/>
      <c r="I34" s="390" t="s">
        <v>438</v>
      </c>
      <c r="J34" s="391"/>
      <c r="K34" s="391"/>
      <c r="L34" s="391"/>
      <c r="M34" s="391"/>
      <c r="N34" s="391"/>
      <c r="O34" s="392"/>
      <c r="P34" s="390" t="s">
        <v>439</v>
      </c>
      <c r="Q34" s="391"/>
      <c r="R34" s="391"/>
      <c r="S34" s="391"/>
      <c r="T34" s="391"/>
      <c r="U34" s="391"/>
      <c r="V34" s="392"/>
      <c r="W34" s="390" t="s">
        <v>440</v>
      </c>
      <c r="X34" s="391"/>
      <c r="Y34" s="391"/>
      <c r="Z34" s="391"/>
      <c r="AA34" s="391"/>
      <c r="AB34" s="391"/>
      <c r="AC34" s="392"/>
      <c r="AD34" s="390" t="s">
        <v>441</v>
      </c>
      <c r="AE34" s="391"/>
      <c r="AF34" s="391"/>
      <c r="AG34" s="391"/>
      <c r="AH34" s="391"/>
      <c r="AI34" s="391"/>
      <c r="AJ34" s="392"/>
      <c r="AK34" s="390" t="s">
        <v>442</v>
      </c>
      <c r="AL34" s="391"/>
      <c r="AM34" s="391"/>
      <c r="AN34" s="391"/>
      <c r="AO34" s="391"/>
      <c r="AP34" s="391"/>
      <c r="AQ34" s="392"/>
      <c r="AR34" s="390" t="s">
        <v>443</v>
      </c>
      <c r="AS34" s="391"/>
      <c r="AT34" s="391"/>
      <c r="AU34" s="391"/>
      <c r="AV34" s="391"/>
      <c r="AW34" s="391"/>
      <c r="AX34" s="392"/>
      <c r="AY34" s="390" t="s">
        <v>444</v>
      </c>
      <c r="AZ34" s="391"/>
      <c r="BA34" s="391"/>
      <c r="BB34" s="391"/>
      <c r="BC34" s="391"/>
      <c r="BD34" s="391"/>
      <c r="BE34" s="392"/>
      <c r="BF34" s="390" t="s">
        <v>445</v>
      </c>
      <c r="BG34" s="391"/>
      <c r="BH34" s="391"/>
      <c r="BI34" s="391"/>
      <c r="BJ34" s="391"/>
      <c r="BK34" s="391"/>
      <c r="BL34" s="392"/>
      <c r="BM34" s="337" t="s">
        <v>446</v>
      </c>
      <c r="BN34" s="337"/>
      <c r="BO34" s="337"/>
      <c r="BP34" s="337"/>
      <c r="BQ34" s="337"/>
      <c r="BR34" s="337"/>
      <c r="BS34" s="337"/>
      <c r="BT34" s="337" t="s">
        <v>447</v>
      </c>
      <c r="BU34" s="337"/>
      <c r="BV34" s="337"/>
      <c r="BW34" s="337"/>
      <c r="BX34" s="337"/>
      <c r="BY34" s="337"/>
      <c r="BZ34" s="337"/>
    </row>
    <row r="35" spans="1:78" ht="72">
      <c r="A35" s="32" t="s">
        <v>71</v>
      </c>
      <c r="B35" s="33" t="s">
        <v>72</v>
      </c>
      <c r="C35" s="33" t="s">
        <v>451</v>
      </c>
      <c r="D35" s="84" t="s">
        <v>533</v>
      </c>
      <c r="E35" s="33" t="s">
        <v>449</v>
      </c>
      <c r="F35" s="84" t="s">
        <v>450</v>
      </c>
      <c r="G35" s="33" t="s">
        <v>448</v>
      </c>
      <c r="H35" s="84" t="s">
        <v>452</v>
      </c>
      <c r="I35" s="60" t="s">
        <v>72</v>
      </c>
      <c r="J35" s="60" t="s">
        <v>451</v>
      </c>
      <c r="K35" s="83" t="s">
        <v>533</v>
      </c>
      <c r="L35" s="60" t="s">
        <v>449</v>
      </c>
      <c r="M35" s="83" t="s">
        <v>450</v>
      </c>
      <c r="N35" s="60" t="s">
        <v>448</v>
      </c>
      <c r="O35" s="83" t="s">
        <v>452</v>
      </c>
      <c r="P35" s="33" t="s">
        <v>72</v>
      </c>
      <c r="Q35" s="33" t="s">
        <v>451</v>
      </c>
      <c r="R35" s="84" t="s">
        <v>533</v>
      </c>
      <c r="S35" s="33" t="s">
        <v>449</v>
      </c>
      <c r="T35" s="84" t="s">
        <v>450</v>
      </c>
      <c r="U35" s="33" t="s">
        <v>448</v>
      </c>
      <c r="V35" s="84" t="s">
        <v>452</v>
      </c>
      <c r="W35" s="60" t="s">
        <v>72</v>
      </c>
      <c r="X35" s="60" t="s">
        <v>451</v>
      </c>
      <c r="Y35" s="83" t="s">
        <v>533</v>
      </c>
      <c r="Z35" s="60" t="s">
        <v>449</v>
      </c>
      <c r="AA35" s="83" t="s">
        <v>450</v>
      </c>
      <c r="AB35" s="60" t="s">
        <v>448</v>
      </c>
      <c r="AC35" s="83" t="s">
        <v>452</v>
      </c>
      <c r="AD35" s="33" t="s">
        <v>72</v>
      </c>
      <c r="AE35" s="33" t="s">
        <v>451</v>
      </c>
      <c r="AF35" s="84" t="s">
        <v>533</v>
      </c>
      <c r="AG35" s="33" t="s">
        <v>449</v>
      </c>
      <c r="AH35" s="84" t="s">
        <v>450</v>
      </c>
      <c r="AI35" s="33" t="s">
        <v>448</v>
      </c>
      <c r="AJ35" s="84" t="s">
        <v>452</v>
      </c>
      <c r="AK35" s="60" t="s">
        <v>72</v>
      </c>
      <c r="AL35" s="60" t="s">
        <v>451</v>
      </c>
      <c r="AM35" s="83" t="s">
        <v>533</v>
      </c>
      <c r="AN35" s="60" t="s">
        <v>449</v>
      </c>
      <c r="AO35" s="83" t="s">
        <v>450</v>
      </c>
      <c r="AP35" s="60" t="s">
        <v>448</v>
      </c>
      <c r="AQ35" s="83" t="s">
        <v>452</v>
      </c>
      <c r="AR35" s="33" t="s">
        <v>72</v>
      </c>
      <c r="AS35" s="33" t="s">
        <v>451</v>
      </c>
      <c r="AT35" s="84" t="s">
        <v>533</v>
      </c>
      <c r="AU35" s="33" t="s">
        <v>449</v>
      </c>
      <c r="AV35" s="84" t="s">
        <v>450</v>
      </c>
      <c r="AW35" s="33" t="s">
        <v>448</v>
      </c>
      <c r="AX35" s="84" t="s">
        <v>452</v>
      </c>
      <c r="AY35" s="60" t="s">
        <v>72</v>
      </c>
      <c r="AZ35" s="60" t="s">
        <v>451</v>
      </c>
      <c r="BA35" s="83" t="s">
        <v>533</v>
      </c>
      <c r="BB35" s="60" t="s">
        <v>449</v>
      </c>
      <c r="BC35" s="83" t="s">
        <v>450</v>
      </c>
      <c r="BD35" s="60" t="s">
        <v>448</v>
      </c>
      <c r="BE35" s="83" t="s">
        <v>452</v>
      </c>
      <c r="BF35" s="33" t="s">
        <v>72</v>
      </c>
      <c r="BG35" s="33" t="s">
        <v>451</v>
      </c>
      <c r="BH35" s="84" t="s">
        <v>533</v>
      </c>
      <c r="BI35" s="33" t="s">
        <v>449</v>
      </c>
      <c r="BJ35" s="84" t="s">
        <v>450</v>
      </c>
      <c r="BK35" s="33" t="s">
        <v>448</v>
      </c>
      <c r="BL35" s="84" t="s">
        <v>452</v>
      </c>
      <c r="BM35" s="60" t="s">
        <v>72</v>
      </c>
      <c r="BN35" s="60" t="s">
        <v>451</v>
      </c>
      <c r="BO35" s="83" t="s">
        <v>533</v>
      </c>
      <c r="BP35" s="60" t="s">
        <v>449</v>
      </c>
      <c r="BQ35" s="83" t="s">
        <v>450</v>
      </c>
      <c r="BR35" s="60" t="s">
        <v>448</v>
      </c>
      <c r="BS35" s="83" t="s">
        <v>452</v>
      </c>
      <c r="BT35" s="33" t="s">
        <v>72</v>
      </c>
      <c r="BU35" s="33" t="s">
        <v>451</v>
      </c>
      <c r="BV35" s="84" t="s">
        <v>533</v>
      </c>
      <c r="BW35" s="33" t="s">
        <v>449</v>
      </c>
      <c r="BX35" s="84" t="s">
        <v>450</v>
      </c>
      <c r="BY35" s="33" t="s">
        <v>448</v>
      </c>
      <c r="BZ35" s="84" t="s">
        <v>452</v>
      </c>
    </row>
    <row r="36" spans="1:78" ht="60">
      <c r="A36" s="36"/>
      <c r="B36" s="37" t="s">
        <v>74</v>
      </c>
      <c r="C36" s="37" t="s">
        <v>161</v>
      </c>
      <c r="D36" s="86" t="s">
        <v>88</v>
      </c>
      <c r="E36" s="37" t="s">
        <v>160</v>
      </c>
      <c r="F36" s="86" t="s">
        <v>88</v>
      </c>
      <c r="G36" s="37" t="s">
        <v>159</v>
      </c>
      <c r="H36" s="86" t="s">
        <v>88</v>
      </c>
      <c r="I36" s="63" t="s">
        <v>74</v>
      </c>
      <c r="J36" s="63" t="s">
        <v>161</v>
      </c>
      <c r="K36" s="85" t="s">
        <v>88</v>
      </c>
      <c r="L36" s="63" t="s">
        <v>160</v>
      </c>
      <c r="M36" s="85" t="s">
        <v>88</v>
      </c>
      <c r="N36" s="63" t="s">
        <v>159</v>
      </c>
      <c r="O36" s="85" t="s">
        <v>88</v>
      </c>
      <c r="P36" s="37" t="s">
        <v>74</v>
      </c>
      <c r="Q36" s="37" t="s">
        <v>161</v>
      </c>
      <c r="R36" s="86" t="s">
        <v>88</v>
      </c>
      <c r="S36" s="37" t="s">
        <v>160</v>
      </c>
      <c r="T36" s="86" t="s">
        <v>88</v>
      </c>
      <c r="U36" s="37" t="s">
        <v>159</v>
      </c>
      <c r="V36" s="86" t="s">
        <v>88</v>
      </c>
      <c r="W36" s="63" t="s">
        <v>74</v>
      </c>
      <c r="X36" s="63" t="s">
        <v>161</v>
      </c>
      <c r="Y36" s="85" t="s">
        <v>88</v>
      </c>
      <c r="Z36" s="63" t="s">
        <v>160</v>
      </c>
      <c r="AA36" s="85" t="s">
        <v>88</v>
      </c>
      <c r="AB36" s="63" t="s">
        <v>159</v>
      </c>
      <c r="AC36" s="85" t="s">
        <v>88</v>
      </c>
      <c r="AD36" s="37" t="s">
        <v>74</v>
      </c>
      <c r="AE36" s="37" t="s">
        <v>161</v>
      </c>
      <c r="AF36" s="86" t="s">
        <v>88</v>
      </c>
      <c r="AG36" s="37" t="s">
        <v>160</v>
      </c>
      <c r="AH36" s="86" t="s">
        <v>88</v>
      </c>
      <c r="AI36" s="37" t="s">
        <v>159</v>
      </c>
      <c r="AJ36" s="86" t="s">
        <v>88</v>
      </c>
      <c r="AK36" s="63" t="s">
        <v>74</v>
      </c>
      <c r="AL36" s="63" t="s">
        <v>161</v>
      </c>
      <c r="AM36" s="85" t="s">
        <v>88</v>
      </c>
      <c r="AN36" s="63" t="s">
        <v>160</v>
      </c>
      <c r="AO36" s="85" t="s">
        <v>88</v>
      </c>
      <c r="AP36" s="63" t="s">
        <v>159</v>
      </c>
      <c r="AQ36" s="85" t="s">
        <v>88</v>
      </c>
      <c r="AR36" s="37" t="s">
        <v>74</v>
      </c>
      <c r="AS36" s="37" t="s">
        <v>161</v>
      </c>
      <c r="AT36" s="86" t="s">
        <v>88</v>
      </c>
      <c r="AU36" s="37" t="s">
        <v>160</v>
      </c>
      <c r="AV36" s="86" t="s">
        <v>88</v>
      </c>
      <c r="AW36" s="37" t="s">
        <v>159</v>
      </c>
      <c r="AX36" s="86" t="s">
        <v>88</v>
      </c>
      <c r="AY36" s="63" t="s">
        <v>74</v>
      </c>
      <c r="AZ36" s="63" t="s">
        <v>161</v>
      </c>
      <c r="BA36" s="85" t="s">
        <v>88</v>
      </c>
      <c r="BB36" s="63" t="s">
        <v>160</v>
      </c>
      <c r="BC36" s="85" t="s">
        <v>88</v>
      </c>
      <c r="BD36" s="63" t="s">
        <v>159</v>
      </c>
      <c r="BE36" s="85" t="s">
        <v>88</v>
      </c>
      <c r="BF36" s="37" t="s">
        <v>74</v>
      </c>
      <c r="BG36" s="37" t="s">
        <v>161</v>
      </c>
      <c r="BH36" s="86" t="s">
        <v>88</v>
      </c>
      <c r="BI36" s="37" t="s">
        <v>160</v>
      </c>
      <c r="BJ36" s="86" t="s">
        <v>88</v>
      </c>
      <c r="BK36" s="37" t="s">
        <v>159</v>
      </c>
      <c r="BL36" s="86" t="s">
        <v>88</v>
      </c>
      <c r="BM36" s="63" t="s">
        <v>74</v>
      </c>
      <c r="BN36" s="63" t="s">
        <v>161</v>
      </c>
      <c r="BO36" s="85" t="s">
        <v>88</v>
      </c>
      <c r="BP36" s="63" t="s">
        <v>160</v>
      </c>
      <c r="BQ36" s="85" t="s">
        <v>88</v>
      </c>
      <c r="BR36" s="63" t="s">
        <v>159</v>
      </c>
      <c r="BS36" s="85" t="s">
        <v>88</v>
      </c>
      <c r="BT36" s="37" t="s">
        <v>74</v>
      </c>
      <c r="BU36" s="37" t="s">
        <v>161</v>
      </c>
      <c r="BV36" s="86" t="s">
        <v>88</v>
      </c>
      <c r="BW36" s="37" t="s">
        <v>160</v>
      </c>
      <c r="BX36" s="86" t="s">
        <v>88</v>
      </c>
      <c r="BY36" s="37" t="s">
        <v>159</v>
      </c>
      <c r="BZ36" s="86" t="s">
        <v>88</v>
      </c>
    </row>
    <row r="37" spans="1:78">
      <c r="A37" s="40" t="s">
        <v>350</v>
      </c>
      <c r="B37" s="318">
        <v>5956</v>
      </c>
      <c r="C37" s="319">
        <v>0.37049069428944598</v>
      </c>
      <c r="D37" s="314">
        <v>1.2511735318604604E-2</v>
      </c>
      <c r="E37" s="319">
        <v>0.1599777478250527</v>
      </c>
      <c r="F37" s="314">
        <v>9.5023841602421659E-3</v>
      </c>
      <c r="G37" s="319">
        <v>0.46953155788551576</v>
      </c>
      <c r="H37" s="314">
        <v>1.2929154394251645E-2</v>
      </c>
      <c r="I37" s="318">
        <v>5922</v>
      </c>
      <c r="J37" s="319">
        <v>0.3202704189255845</v>
      </c>
      <c r="K37" s="314">
        <v>1.2123252485466772E-2</v>
      </c>
      <c r="L37" s="319">
        <v>0.20725273765163249</v>
      </c>
      <c r="M37" s="314">
        <v>1.0534634910465399E-2</v>
      </c>
      <c r="N37" s="319">
        <v>0.47247684342279844</v>
      </c>
      <c r="O37" s="314">
        <v>1.2970630604819199E-2</v>
      </c>
      <c r="P37" s="318">
        <v>5468</v>
      </c>
      <c r="Q37" s="319">
        <v>0.30206896910918485</v>
      </c>
      <c r="R37" s="314">
        <v>1.2415814816631163E-2</v>
      </c>
      <c r="S37" s="319">
        <v>0.18346284940323676</v>
      </c>
      <c r="T37" s="314">
        <v>1.046962551040026E-2</v>
      </c>
      <c r="U37" s="319">
        <v>0.51446818148759343</v>
      </c>
      <c r="V37" s="314">
        <v>1.3512799261988374E-2</v>
      </c>
      <c r="W37" s="318">
        <v>5447</v>
      </c>
      <c r="X37" s="319">
        <v>0.35307457444302009</v>
      </c>
      <c r="Y37" s="314">
        <v>1.294739336443374E-2</v>
      </c>
      <c r="Z37" s="319">
        <v>0.10886926160360699</v>
      </c>
      <c r="AA37" s="314">
        <v>8.4472826242000202E-3</v>
      </c>
      <c r="AB37" s="319">
        <v>0.53805616395338862</v>
      </c>
      <c r="AC37" s="314">
        <v>1.3505235281819442E-2</v>
      </c>
      <c r="AD37" s="318">
        <v>6309</v>
      </c>
      <c r="AE37" s="319">
        <v>0.49453297063703761</v>
      </c>
      <c r="AF37" s="314">
        <v>1.2585085660763469E-2</v>
      </c>
      <c r="AG37" s="319">
        <v>0.14843995879291633</v>
      </c>
      <c r="AH37" s="314">
        <v>8.9549662678002472E-3</v>
      </c>
      <c r="AI37" s="319">
        <v>0.35702707057006011</v>
      </c>
      <c r="AJ37" s="314">
        <v>1.2061005418285576E-2</v>
      </c>
      <c r="AK37" s="318">
        <v>5518</v>
      </c>
      <c r="AL37" s="319">
        <v>0.52547463879812939</v>
      </c>
      <c r="AM37" s="314">
        <v>1.3439657691013346E-2</v>
      </c>
      <c r="AN37" s="319">
        <v>0.15759180430687189</v>
      </c>
      <c r="AO37" s="314">
        <v>9.8126758486079737E-3</v>
      </c>
      <c r="AP37" s="319">
        <v>0.31693355689501318</v>
      </c>
      <c r="AQ37" s="314">
        <v>1.2524086529603429E-2</v>
      </c>
      <c r="AR37" s="318">
        <v>6397</v>
      </c>
      <c r="AS37" s="319">
        <v>0.60834290820929027</v>
      </c>
      <c r="AT37" s="314">
        <v>1.2202439694925581E-2</v>
      </c>
      <c r="AU37" s="319">
        <v>0.14008316377450217</v>
      </c>
      <c r="AV37" s="314">
        <v>8.6819811996107551E-3</v>
      </c>
      <c r="AW37" s="319">
        <v>0.25157392801621475</v>
      </c>
      <c r="AX37" s="314">
        <v>1.084931357554981E-2</v>
      </c>
      <c r="AY37" s="318">
        <v>5390</v>
      </c>
      <c r="AZ37" s="319">
        <v>0.24103991578375566</v>
      </c>
      <c r="BA37" s="314">
        <v>1.1650550775255196E-2</v>
      </c>
      <c r="BB37" s="319">
        <v>0.16863534246044068</v>
      </c>
      <c r="BC37" s="314">
        <v>1.0202264964101456E-2</v>
      </c>
      <c r="BD37" s="319">
        <v>0.59032474175581984</v>
      </c>
      <c r="BE37" s="314">
        <v>1.3392163596050935E-2</v>
      </c>
      <c r="BF37" s="318">
        <v>6291</v>
      </c>
      <c r="BG37" s="319">
        <v>0.43285923832274098</v>
      </c>
      <c r="BH37" s="314">
        <v>1.2489813994813911E-2</v>
      </c>
      <c r="BI37" s="319">
        <v>0.1933525925834344</v>
      </c>
      <c r="BJ37" s="314">
        <v>9.9589891674521595E-3</v>
      </c>
      <c r="BK37" s="319">
        <v>0.37378816909383761</v>
      </c>
      <c r="BL37" s="314">
        <v>1.2196193659193085E-2</v>
      </c>
      <c r="BM37" s="318">
        <v>6457</v>
      </c>
      <c r="BN37" s="319">
        <v>0.47806856692483712</v>
      </c>
      <c r="BO37" s="314">
        <v>1.2428893438964349E-2</v>
      </c>
      <c r="BP37" s="319">
        <v>0.13367186186627561</v>
      </c>
      <c r="BQ37" s="314">
        <v>8.4733001245156179E-3</v>
      </c>
      <c r="BR37" s="319">
        <v>0.38825957120890364</v>
      </c>
      <c r="BS37" s="314">
        <v>1.2126596623413729E-2</v>
      </c>
      <c r="BT37" s="318">
        <v>4556</v>
      </c>
      <c r="BU37" s="319">
        <v>0.45051591088299064</v>
      </c>
      <c r="BV37" s="314">
        <v>1.4736147791075243E-2</v>
      </c>
      <c r="BW37" s="319">
        <v>0.16245235770160246</v>
      </c>
      <c r="BX37" s="314">
        <v>1.0932865046227843E-2</v>
      </c>
      <c r="BY37" s="319">
        <v>0.38703173141542258</v>
      </c>
      <c r="BZ37" s="314">
        <v>1.442647875141443E-2</v>
      </c>
    </row>
    <row r="38" spans="1:78">
      <c r="A38" s="44" t="s">
        <v>351</v>
      </c>
      <c r="B38" s="208">
        <v>5550</v>
      </c>
      <c r="C38" s="212">
        <v>0.38847304466882099</v>
      </c>
      <c r="D38" s="92">
        <v>1.3080720773607194E-2</v>
      </c>
      <c r="E38" s="212">
        <v>0.15890324539520123</v>
      </c>
      <c r="F38" s="92">
        <v>9.8172179131273581E-3</v>
      </c>
      <c r="G38" s="212">
        <v>0.45262370993599282</v>
      </c>
      <c r="H38" s="92">
        <v>1.3358002837709698E-2</v>
      </c>
      <c r="I38" s="208">
        <v>5547</v>
      </c>
      <c r="J38" s="212">
        <v>0.34842666060615252</v>
      </c>
      <c r="K38" s="92">
        <v>1.2791261576870834E-2</v>
      </c>
      <c r="L38" s="212">
        <v>0.21645049950628806</v>
      </c>
      <c r="M38" s="92">
        <v>1.1058727314933278E-2</v>
      </c>
      <c r="N38" s="212">
        <v>0.43512283988757489</v>
      </c>
      <c r="O38" s="92">
        <v>1.3308609639994364E-2</v>
      </c>
      <c r="P38" s="208">
        <v>5112</v>
      </c>
      <c r="Q38" s="212">
        <v>0.32866869232172857</v>
      </c>
      <c r="R38" s="92">
        <v>1.3135829378071577E-2</v>
      </c>
      <c r="S38" s="212">
        <v>0.1871438296797075</v>
      </c>
      <c r="T38" s="92">
        <v>1.0911328310163483E-2</v>
      </c>
      <c r="U38" s="212">
        <v>0.48418747799857975</v>
      </c>
      <c r="V38" s="92">
        <v>1.3973904949301797E-2</v>
      </c>
      <c r="W38" s="208">
        <v>5068</v>
      </c>
      <c r="X38" s="212">
        <v>0.3962727834225182</v>
      </c>
      <c r="Y38" s="92">
        <v>1.3736410790152219E-2</v>
      </c>
      <c r="Z38" s="212">
        <v>0.11936256301415138</v>
      </c>
      <c r="AA38" s="92">
        <v>9.1147424722684469E-3</v>
      </c>
      <c r="AB38" s="212">
        <v>0.48436465356334829</v>
      </c>
      <c r="AC38" s="92">
        <v>1.4034542823167717E-2</v>
      </c>
      <c r="AD38" s="208">
        <v>5874</v>
      </c>
      <c r="AE38" s="212">
        <v>0.51061691895571304</v>
      </c>
      <c r="AF38" s="92">
        <v>1.3040294930018449E-2</v>
      </c>
      <c r="AG38" s="212">
        <v>0.15647670014792994</v>
      </c>
      <c r="AH38" s="92">
        <v>9.4831487834469985E-3</v>
      </c>
      <c r="AI38" s="212">
        <v>0.33290638089637303</v>
      </c>
      <c r="AJ38" s="92">
        <v>1.2294384680554087E-2</v>
      </c>
      <c r="AK38" s="208">
        <v>5156</v>
      </c>
      <c r="AL38" s="212">
        <v>0.53898350481879531</v>
      </c>
      <c r="AM38" s="92">
        <v>1.3878840109256026E-2</v>
      </c>
      <c r="AN38" s="212">
        <v>0.16639969075272215</v>
      </c>
      <c r="AO38" s="92">
        <v>1.0376004971847158E-2</v>
      </c>
      <c r="AP38" s="212">
        <v>0.29461680442849547</v>
      </c>
      <c r="AQ38" s="92">
        <v>1.2694475282381528E-2</v>
      </c>
      <c r="AR38" s="208">
        <v>5971</v>
      </c>
      <c r="AS38" s="212">
        <v>0.64401070625015966</v>
      </c>
      <c r="AT38" s="92">
        <v>1.2389459010041251E-2</v>
      </c>
      <c r="AU38" s="212">
        <v>0.1492546452857231</v>
      </c>
      <c r="AV38" s="92">
        <v>9.2258453436001864E-3</v>
      </c>
      <c r="AW38" s="212">
        <v>0.20673464846413378</v>
      </c>
      <c r="AX38" s="92">
        <v>1.048164117595389E-2</v>
      </c>
      <c r="AY38" s="208">
        <v>5052</v>
      </c>
      <c r="AZ38" s="212">
        <v>0.25823944813279925</v>
      </c>
      <c r="BA38" s="92">
        <v>1.2313298109162462E-2</v>
      </c>
      <c r="BB38" s="212">
        <v>0.17417349923654613</v>
      </c>
      <c r="BC38" s="92">
        <v>1.0673706464127512E-2</v>
      </c>
      <c r="BD38" s="212">
        <v>0.56758705263067077</v>
      </c>
      <c r="BE38" s="92">
        <v>1.3934726204684621E-2</v>
      </c>
      <c r="BF38" s="208">
        <v>5856</v>
      </c>
      <c r="BG38" s="212">
        <v>0.44419665227829086</v>
      </c>
      <c r="BH38" s="92">
        <v>1.2981747126674574E-2</v>
      </c>
      <c r="BI38" s="212">
        <v>0.19600221765628845</v>
      </c>
      <c r="BJ38" s="92">
        <v>1.0375590566453752E-2</v>
      </c>
      <c r="BK38" s="212">
        <v>0.35980113006543574</v>
      </c>
      <c r="BL38" s="92">
        <v>1.2539932161268693E-2</v>
      </c>
      <c r="BM38" s="208">
        <v>6034</v>
      </c>
      <c r="BN38" s="212">
        <v>0.53849602365169658</v>
      </c>
      <c r="BO38" s="92">
        <v>1.2831107111497899E-2</v>
      </c>
      <c r="BP38" s="212">
        <v>0.14204966945947903</v>
      </c>
      <c r="BQ38" s="92">
        <v>8.9915962159253359E-3</v>
      </c>
      <c r="BR38" s="212">
        <v>0.31945430688884119</v>
      </c>
      <c r="BS38" s="92">
        <v>1.2002164627389858E-2</v>
      </c>
      <c r="BT38" s="208">
        <v>4248</v>
      </c>
      <c r="BU38" s="212">
        <v>0.48320448927244791</v>
      </c>
      <c r="BV38" s="92">
        <v>1.5327053575894485E-2</v>
      </c>
      <c r="BW38" s="212">
        <v>0.17079028002360352</v>
      </c>
      <c r="BX38" s="92">
        <v>1.1550729697439813E-2</v>
      </c>
      <c r="BY38" s="212">
        <v>0.34600523070396039</v>
      </c>
      <c r="BZ38" s="92">
        <v>1.4591657557280648E-2</v>
      </c>
    </row>
    <row r="39" spans="1:78">
      <c r="A39" s="40" t="s">
        <v>352</v>
      </c>
      <c r="B39" s="318">
        <v>406</v>
      </c>
      <c r="C39" s="319">
        <v>0.31028988831789983</v>
      </c>
      <c r="D39" s="314">
        <v>4.5768120806405306E-2</v>
      </c>
      <c r="E39" s="319">
        <v>0.16357493678704668</v>
      </c>
      <c r="F39" s="314">
        <v>3.6827326790664749E-2</v>
      </c>
      <c r="G39" s="319">
        <v>0.52613517489505268</v>
      </c>
      <c r="H39" s="314">
        <v>4.9320278852422357E-2</v>
      </c>
      <c r="I39" s="318">
        <v>375</v>
      </c>
      <c r="J39" s="319">
        <v>0.21929809867090463</v>
      </c>
      <c r="K39" s="314">
        <v>4.2712866502012371E-2</v>
      </c>
      <c r="L39" s="319">
        <v>0.17426824468730712</v>
      </c>
      <c r="M39" s="314">
        <v>3.9271278656824421E-2</v>
      </c>
      <c r="N39" s="319">
        <v>0.60643365664178683</v>
      </c>
      <c r="O39" s="314">
        <v>5.0214288137453954E-2</v>
      </c>
      <c r="P39" s="318">
        <v>356</v>
      </c>
      <c r="Q39" s="319">
        <v>0.21137750988461954</v>
      </c>
      <c r="R39" s="314">
        <v>4.3274055656972517E-2</v>
      </c>
      <c r="S39" s="319">
        <v>0.17091258826019451</v>
      </c>
      <c r="T39" s="314">
        <v>4.0013156048342872E-2</v>
      </c>
      <c r="U39" s="319">
        <v>0.61770990185518482</v>
      </c>
      <c r="V39" s="314">
        <v>5.1256497812854254E-2</v>
      </c>
      <c r="W39" s="318">
        <v>379</v>
      </c>
      <c r="X39" s="319">
        <v>0.21340357065761784</v>
      </c>
      <c r="Y39" s="314">
        <v>4.20827474893073E-2</v>
      </c>
      <c r="Z39" s="319">
        <v>7.4941698964861456E-2</v>
      </c>
      <c r="AA39" s="314">
        <v>2.7626682320154458E-2</v>
      </c>
      <c r="AB39" s="319">
        <v>0.7116547303775197</v>
      </c>
      <c r="AC39" s="314">
        <v>4.6398558492673735E-2</v>
      </c>
      <c r="AD39" s="318">
        <v>435</v>
      </c>
      <c r="AE39" s="319">
        <v>0.44080889442412685</v>
      </c>
      <c r="AF39" s="314">
        <v>4.7397891097609071E-2</v>
      </c>
      <c r="AG39" s="319">
        <v>0.12159539945304126</v>
      </c>
      <c r="AH39" s="314">
        <v>3.1573388660635991E-2</v>
      </c>
      <c r="AI39" s="319">
        <v>0.43759570612283044</v>
      </c>
      <c r="AJ39" s="314">
        <v>4.7361003677771921E-2</v>
      </c>
      <c r="AK39" s="318">
        <v>362</v>
      </c>
      <c r="AL39" s="319">
        <v>0.47726263714819245</v>
      </c>
      <c r="AM39" s="314">
        <v>5.2217938719598858E-2</v>
      </c>
      <c r="AN39" s="319">
        <v>0.12615720163851249</v>
      </c>
      <c r="AO39" s="314">
        <v>3.5185643231653067E-2</v>
      </c>
      <c r="AP39" s="319">
        <v>0.39658016121329409</v>
      </c>
      <c r="AQ39" s="314">
        <v>5.1165310611946797E-2</v>
      </c>
      <c r="AR39" s="318">
        <v>426</v>
      </c>
      <c r="AS39" s="319">
        <v>0.48556482316850286</v>
      </c>
      <c r="AT39" s="314">
        <v>4.8204552942377576E-2</v>
      </c>
      <c r="AU39" s="319">
        <v>0.10851247540050477</v>
      </c>
      <c r="AV39" s="314">
        <v>3.0434932621178693E-2</v>
      </c>
      <c r="AW39" s="319">
        <v>0.4059227014309913</v>
      </c>
      <c r="AX39" s="314">
        <v>4.7379060942925683E-2</v>
      </c>
      <c r="AY39" s="318">
        <v>338</v>
      </c>
      <c r="AZ39" s="319">
        <v>0.18057630310196704</v>
      </c>
      <c r="BA39" s="314">
        <v>4.1933007871289382E-2</v>
      </c>
      <c r="BB39" s="319">
        <v>0.14916638484659603</v>
      </c>
      <c r="BC39" s="314">
        <v>3.8959883466594493E-2</v>
      </c>
      <c r="BD39" s="319">
        <v>0.67025731205143568</v>
      </c>
      <c r="BE39" s="314">
        <v>5.0919791733677694E-2</v>
      </c>
      <c r="BF39" s="318">
        <v>435</v>
      </c>
      <c r="BG39" s="319">
        <v>0.39534251375533103</v>
      </c>
      <c r="BH39" s="314">
        <v>4.6689543518013819E-2</v>
      </c>
      <c r="BI39" s="319">
        <v>0.18458469767769078</v>
      </c>
      <c r="BJ39" s="314">
        <v>3.7254025364586899E-2</v>
      </c>
      <c r="BK39" s="319">
        <v>0.42007278856697733</v>
      </c>
      <c r="BL39" s="314">
        <v>4.712485496065888E-2</v>
      </c>
      <c r="BM39" s="318">
        <v>423</v>
      </c>
      <c r="BN39" s="319">
        <v>0.26767403684795732</v>
      </c>
      <c r="BO39" s="314">
        <v>4.2961903297575682E-2</v>
      </c>
      <c r="BP39" s="319">
        <v>0.10450225938550252</v>
      </c>
      <c r="BQ39" s="314">
        <v>3.0066026886303492E-2</v>
      </c>
      <c r="BR39" s="319">
        <v>0.62782370376653907</v>
      </c>
      <c r="BS39" s="314">
        <v>4.6815776496627423E-2</v>
      </c>
      <c r="BT39" s="318">
        <v>308</v>
      </c>
      <c r="BU39" s="319">
        <v>0.3402060011741519</v>
      </c>
      <c r="BV39" s="314">
        <v>5.3722506634310468E-2</v>
      </c>
      <c r="BW39" s="319">
        <v>0.13431545166851949</v>
      </c>
      <c r="BX39" s="314">
        <v>3.9171169783900638E-2</v>
      </c>
      <c r="BY39" s="319">
        <v>0.52547854715732867</v>
      </c>
      <c r="BZ39" s="314">
        <v>5.6542176448864799E-2</v>
      </c>
    </row>
    <row r="40" spans="1:78">
      <c r="A40" s="44" t="s">
        <v>534</v>
      </c>
      <c r="B40" s="208">
        <v>506</v>
      </c>
      <c r="C40" s="212">
        <v>0.32942497603125381</v>
      </c>
      <c r="D40" s="92">
        <v>4.166710054875325E-2</v>
      </c>
      <c r="E40" s="212">
        <v>0.18766831091500133</v>
      </c>
      <c r="F40" s="92">
        <v>3.4751005429399219E-2</v>
      </c>
      <c r="G40" s="212">
        <v>0.48290671305374533</v>
      </c>
      <c r="H40" s="92">
        <v>4.4255265315704249E-2</v>
      </c>
      <c r="I40" s="208">
        <v>516</v>
      </c>
      <c r="J40" s="212">
        <v>0.33957980693762735</v>
      </c>
      <c r="K40" s="92">
        <v>4.1571047285259108E-2</v>
      </c>
      <c r="L40" s="212">
        <v>0.17485133511448947</v>
      </c>
      <c r="M40" s="92">
        <v>3.3500697695703213E-2</v>
      </c>
      <c r="N40" s="212">
        <v>0.48556885794788401</v>
      </c>
      <c r="O40" s="92">
        <v>4.3834911778627958E-2</v>
      </c>
      <c r="P40" s="208">
        <v>472</v>
      </c>
      <c r="Q40" s="212">
        <v>0.32180084978984297</v>
      </c>
      <c r="R40" s="92">
        <v>4.287724483820033E-2</v>
      </c>
      <c r="S40" s="212">
        <v>0.20887438156151902</v>
      </c>
      <c r="T40" s="92">
        <v>3.7423796898105995E-2</v>
      </c>
      <c r="U40" s="212">
        <v>0.46932476864863831</v>
      </c>
      <c r="V40" s="92">
        <v>4.5750031303875033E-2</v>
      </c>
      <c r="W40" s="208">
        <v>503</v>
      </c>
      <c r="X40" s="212">
        <v>0.3083441870189087</v>
      </c>
      <c r="Y40" s="92">
        <v>4.1074844836206485E-2</v>
      </c>
      <c r="Z40" s="212">
        <v>5.9536572507099345E-2</v>
      </c>
      <c r="AA40" s="92">
        <v>2.1582585522937216E-2</v>
      </c>
      <c r="AB40" s="212">
        <v>0.63211924047399326</v>
      </c>
      <c r="AC40" s="92">
        <v>4.2858314495210735E-2</v>
      </c>
      <c r="AD40" s="208">
        <v>553</v>
      </c>
      <c r="AE40" s="212">
        <v>0.47090907655192349</v>
      </c>
      <c r="AF40" s="92">
        <v>4.2300610908034657E-2</v>
      </c>
      <c r="AG40" s="212">
        <v>0.14203294397319208</v>
      </c>
      <c r="AH40" s="92">
        <v>2.9804077802662764E-2</v>
      </c>
      <c r="AI40" s="212">
        <v>0.38705797947488479</v>
      </c>
      <c r="AJ40" s="92">
        <v>4.1292115285507421E-2</v>
      </c>
      <c r="AK40" s="208">
        <v>472</v>
      </c>
      <c r="AL40" s="212">
        <v>0.44952957561037271</v>
      </c>
      <c r="AM40" s="92">
        <v>4.5604747609478954E-2</v>
      </c>
      <c r="AN40" s="212">
        <v>0.11944685715079409</v>
      </c>
      <c r="AO40" s="92">
        <v>3.0070371245229502E-2</v>
      </c>
      <c r="AP40" s="212">
        <v>0.43102356723883389</v>
      </c>
      <c r="AQ40" s="92">
        <v>4.5404056930498524E-2</v>
      </c>
      <c r="AR40" s="208">
        <v>551</v>
      </c>
      <c r="AS40" s="212">
        <v>0.54392318178430521</v>
      </c>
      <c r="AT40" s="92">
        <v>4.2285896342316089E-2</v>
      </c>
      <c r="AU40" s="212">
        <v>0.13451735994969111</v>
      </c>
      <c r="AV40" s="92">
        <v>2.920458357211779E-2</v>
      </c>
      <c r="AW40" s="212">
        <v>0.32155945826600396</v>
      </c>
      <c r="AX40" s="92">
        <v>3.9693990638583837E-2</v>
      </c>
      <c r="AY40" s="208">
        <v>477</v>
      </c>
      <c r="AZ40" s="212">
        <v>0.30648403221205384</v>
      </c>
      <c r="BA40" s="92">
        <v>4.2103903092121538E-2</v>
      </c>
      <c r="BB40" s="212">
        <v>0.20176359951516393</v>
      </c>
      <c r="BC40" s="92">
        <v>3.6763924313777403E-2</v>
      </c>
      <c r="BD40" s="212">
        <v>0.49175236827278307</v>
      </c>
      <c r="BE40" s="92">
        <v>4.5589974390596998E-2</v>
      </c>
      <c r="BF40" s="208">
        <v>542</v>
      </c>
      <c r="BG40" s="212">
        <v>0.34699978443872403</v>
      </c>
      <c r="BH40" s="92">
        <v>4.0773893432643482E-2</v>
      </c>
      <c r="BI40" s="212">
        <v>0.26629076789945572</v>
      </c>
      <c r="BJ40" s="92">
        <v>3.7910377875969715E-2</v>
      </c>
      <c r="BK40" s="212">
        <v>0.38670944766182108</v>
      </c>
      <c r="BL40" s="92">
        <v>4.1699484526908658E-2</v>
      </c>
      <c r="BM40" s="208">
        <v>556</v>
      </c>
      <c r="BN40" s="212">
        <v>0.37982735358788261</v>
      </c>
      <c r="BO40" s="92">
        <v>4.1036926305720027E-2</v>
      </c>
      <c r="BP40" s="212">
        <v>0.12088598337636138</v>
      </c>
      <c r="BQ40" s="92">
        <v>2.7815524760148334E-2</v>
      </c>
      <c r="BR40" s="212">
        <v>0.49928666303575697</v>
      </c>
      <c r="BS40" s="92">
        <v>4.2257670342934199E-2</v>
      </c>
      <c r="BT40" s="208">
        <v>431</v>
      </c>
      <c r="BU40" s="212">
        <v>0.3702261687501428</v>
      </c>
      <c r="BV40" s="92">
        <v>4.6333826454843491E-2</v>
      </c>
      <c r="BW40" s="212">
        <v>0.11753417744923279</v>
      </c>
      <c r="BX40" s="92">
        <v>3.1278906210057446E-2</v>
      </c>
      <c r="BY40" s="212">
        <v>0.51223965380062519</v>
      </c>
      <c r="BZ40" s="92">
        <v>4.7932225458526649E-2</v>
      </c>
    </row>
    <row r="41" spans="1:78">
      <c r="A41" s="40" t="s">
        <v>535</v>
      </c>
      <c r="B41" s="318">
        <v>425</v>
      </c>
      <c r="C41" s="319">
        <v>0.38865802308926622</v>
      </c>
      <c r="D41" s="314">
        <v>4.7090951681347019E-2</v>
      </c>
      <c r="E41" s="319">
        <v>0.1761198569152316</v>
      </c>
      <c r="F41" s="314">
        <v>3.7028141466497057E-2</v>
      </c>
      <c r="G41" s="319">
        <v>0.4352221199955027</v>
      </c>
      <c r="H41" s="314">
        <v>4.7881137969824128E-2</v>
      </c>
      <c r="I41" s="318">
        <v>434</v>
      </c>
      <c r="J41" s="319">
        <v>0.39898275750226841</v>
      </c>
      <c r="K41" s="314">
        <v>4.6814610460803513E-2</v>
      </c>
      <c r="L41" s="319">
        <v>0.20052903398666072</v>
      </c>
      <c r="M41" s="314">
        <v>3.8457437062351156E-2</v>
      </c>
      <c r="N41" s="319">
        <v>0.40048820851107148</v>
      </c>
      <c r="O41" s="314">
        <v>4.6843511639941257E-2</v>
      </c>
      <c r="P41" s="318">
        <v>393</v>
      </c>
      <c r="Q41" s="319">
        <v>0.36601001275246753</v>
      </c>
      <c r="R41" s="314">
        <v>4.8390377338394228E-2</v>
      </c>
      <c r="S41" s="319">
        <v>0.22659505493755058</v>
      </c>
      <c r="T41" s="314">
        <v>4.2200009566805474E-2</v>
      </c>
      <c r="U41" s="319">
        <v>0.4073949323099823</v>
      </c>
      <c r="V41" s="314">
        <v>4.9337805503902377E-2</v>
      </c>
      <c r="W41" s="318">
        <v>422</v>
      </c>
      <c r="X41" s="319">
        <v>0.38544435366541252</v>
      </c>
      <c r="Y41" s="314">
        <v>4.718580674374475E-2</v>
      </c>
      <c r="Z41" s="319">
        <v>8.4574546208959975E-2</v>
      </c>
      <c r="AA41" s="314">
        <v>2.7518219999528259E-2</v>
      </c>
      <c r="AB41" s="319">
        <v>0.52998110012562794</v>
      </c>
      <c r="AC41" s="314">
        <v>4.8364610359868797E-2</v>
      </c>
      <c r="AD41" s="318">
        <v>458</v>
      </c>
      <c r="AE41" s="319">
        <v>0.52511143879260214</v>
      </c>
      <c r="AF41" s="314">
        <v>4.6466511478942929E-2</v>
      </c>
      <c r="AG41" s="319">
        <v>0.16361283347817973</v>
      </c>
      <c r="AH41" s="314">
        <v>3.4665327409882998E-2</v>
      </c>
      <c r="AI41" s="319">
        <v>0.31127572772921897</v>
      </c>
      <c r="AJ41" s="314">
        <v>4.3144499098555153E-2</v>
      </c>
      <c r="AK41" s="318">
        <v>394</v>
      </c>
      <c r="AL41" s="319">
        <v>0.47301672191083627</v>
      </c>
      <c r="AM41" s="314">
        <v>5.005388697016306E-2</v>
      </c>
      <c r="AN41" s="319">
        <v>0.15561075660454807</v>
      </c>
      <c r="AO41" s="314">
        <v>3.666609735175938E-2</v>
      </c>
      <c r="AP41" s="319">
        <v>0.37137252148461641</v>
      </c>
      <c r="AQ41" s="314">
        <v>4.8472741547809686E-2</v>
      </c>
      <c r="AR41" s="318">
        <v>462</v>
      </c>
      <c r="AS41" s="319">
        <v>0.6176870834679572</v>
      </c>
      <c r="AT41" s="314">
        <v>4.5045184985349394E-2</v>
      </c>
      <c r="AU41" s="319">
        <v>0.14753561339899934</v>
      </c>
      <c r="AV41" s="314">
        <v>3.3132900075980548E-2</v>
      </c>
      <c r="AW41" s="319">
        <v>0.23477730313304421</v>
      </c>
      <c r="AX41" s="314">
        <v>3.9401024442725703E-2</v>
      </c>
      <c r="AY41" s="318">
        <v>406</v>
      </c>
      <c r="AZ41" s="319">
        <v>0.37150466279520428</v>
      </c>
      <c r="BA41" s="314">
        <v>4.7760535155831639E-2</v>
      </c>
      <c r="BB41" s="319">
        <v>0.2213154744838125</v>
      </c>
      <c r="BC41" s="314">
        <v>4.1182871038279383E-2</v>
      </c>
      <c r="BD41" s="319">
        <v>0.40717986272098405</v>
      </c>
      <c r="BE41" s="314">
        <v>4.8544845840216962E-2</v>
      </c>
      <c r="BF41" s="318">
        <v>455</v>
      </c>
      <c r="BG41" s="319">
        <v>0.41063939824705664</v>
      </c>
      <c r="BH41" s="314">
        <v>4.5937653501336148E-2</v>
      </c>
      <c r="BI41" s="319">
        <v>0.2532036403619416</v>
      </c>
      <c r="BJ41" s="314">
        <v>4.0707096188545108E-2</v>
      </c>
      <c r="BK41" s="319">
        <v>0.33615696139100359</v>
      </c>
      <c r="BL41" s="314">
        <v>4.4144869326146419E-2</v>
      </c>
      <c r="BM41" s="318">
        <v>472</v>
      </c>
      <c r="BN41" s="319">
        <v>0.47848202661310318</v>
      </c>
      <c r="BO41" s="314">
        <v>4.5793170936545335E-2</v>
      </c>
      <c r="BP41" s="319">
        <v>0.15715967052175961</v>
      </c>
      <c r="BQ41" s="314">
        <v>3.36101802675959E-2</v>
      </c>
      <c r="BR41" s="319">
        <v>0.36435830286513893</v>
      </c>
      <c r="BS41" s="314">
        <v>4.4145410231234389E-2</v>
      </c>
      <c r="BT41" s="318">
        <v>361</v>
      </c>
      <c r="BU41" s="319">
        <v>0.44164098066690632</v>
      </c>
      <c r="BV41" s="314">
        <v>5.1992461304269544E-2</v>
      </c>
      <c r="BW41" s="319">
        <v>0.13533153083478197</v>
      </c>
      <c r="BX41" s="314">
        <v>3.625112329897217E-2</v>
      </c>
      <c r="BY41" s="319">
        <v>0.42302748849831234</v>
      </c>
      <c r="BZ41" s="314">
        <v>5.1732121267771006E-2</v>
      </c>
    </row>
    <row r="42" spans="1:78">
      <c r="A42" s="44" t="s">
        <v>536</v>
      </c>
      <c r="B42" s="208">
        <v>86</v>
      </c>
      <c r="C42" s="212">
        <v>0.41866401702689293</v>
      </c>
      <c r="D42" s="92">
        <v>0.10412800633520709</v>
      </c>
      <c r="E42" s="212">
        <v>0.24897955917351325</v>
      </c>
      <c r="F42" s="92">
        <v>9.2487902545529188E-2</v>
      </c>
      <c r="G42" s="212">
        <v>0.33235642379959418</v>
      </c>
      <c r="H42" s="92">
        <v>9.9852843426476531E-2</v>
      </c>
      <c r="I42" s="208">
        <v>85</v>
      </c>
      <c r="J42" s="212">
        <v>0.34533217994216264</v>
      </c>
      <c r="K42" s="92">
        <v>0.10126832711932725</v>
      </c>
      <c r="L42" s="212">
        <v>0.29213658623858596</v>
      </c>
      <c r="M42" s="92">
        <v>9.7286630400736027E-2</v>
      </c>
      <c r="N42" s="212">
        <v>0.3625312338192519</v>
      </c>
      <c r="O42" s="92">
        <v>0.10228025659166876</v>
      </c>
      <c r="P42" s="208">
        <v>80</v>
      </c>
      <c r="Q42" s="212">
        <v>0.4486052081858819</v>
      </c>
      <c r="R42" s="92">
        <v>0.10858486915540848</v>
      </c>
      <c r="S42" s="212">
        <v>0.32789557390758206</v>
      </c>
      <c r="T42" s="92">
        <v>0.1030796841983652</v>
      </c>
      <c r="U42" s="212">
        <v>0.22349921790653657</v>
      </c>
      <c r="V42" s="92">
        <v>9.2750346749923218E-2</v>
      </c>
      <c r="W42" s="208">
        <v>86</v>
      </c>
      <c r="X42" s="212">
        <v>0.5138508843068561</v>
      </c>
      <c r="Y42" s="92">
        <v>0.10537231918049386</v>
      </c>
      <c r="Z42" s="212">
        <v>0.14378234872239481</v>
      </c>
      <c r="AA42" s="92">
        <v>7.721184058310257E-2</v>
      </c>
      <c r="AB42" s="212">
        <v>0.34236676697074941</v>
      </c>
      <c r="AC42" s="92">
        <v>0.10051233490070757</v>
      </c>
      <c r="AD42" s="208">
        <v>91</v>
      </c>
      <c r="AE42" s="212">
        <v>0.55565768531510717</v>
      </c>
      <c r="AF42" s="92">
        <v>0.1020129188248481</v>
      </c>
      <c r="AG42" s="212">
        <v>0.22719516763918166</v>
      </c>
      <c r="AH42" s="92">
        <v>8.7470353290154443E-2</v>
      </c>
      <c r="AI42" s="212">
        <v>0.21714714704571136</v>
      </c>
      <c r="AJ42" s="92">
        <v>8.6228521432055449E-2</v>
      </c>
      <c r="AK42" s="208">
        <v>77</v>
      </c>
      <c r="AL42" s="212">
        <v>0.57753126043756087</v>
      </c>
      <c r="AM42" s="92">
        <v>0.10989735574771249</v>
      </c>
      <c r="AN42" s="212">
        <v>0.13787893338618157</v>
      </c>
      <c r="AO42" s="92">
        <v>8.0584232219900381E-2</v>
      </c>
      <c r="AP42" s="212">
        <v>0.28458980617625812</v>
      </c>
      <c r="AQ42" s="92">
        <v>0.10136553105053711</v>
      </c>
      <c r="AR42" s="208">
        <v>87</v>
      </c>
      <c r="AS42" s="212">
        <v>0.67952893727122488</v>
      </c>
      <c r="AT42" s="92">
        <v>9.8458570429739906E-2</v>
      </c>
      <c r="AU42" s="212">
        <v>0.13281235385235568</v>
      </c>
      <c r="AV42" s="92">
        <v>7.4646605304064945E-2</v>
      </c>
      <c r="AW42" s="212">
        <v>0.18765870887641969</v>
      </c>
      <c r="AX42" s="92">
        <v>8.4080252429279745E-2</v>
      </c>
      <c r="AY42" s="208">
        <v>76</v>
      </c>
      <c r="AZ42" s="212">
        <v>0.42272196547358504</v>
      </c>
      <c r="BA42" s="92">
        <v>0.11059167353494795</v>
      </c>
      <c r="BB42" s="212">
        <v>0.21117503297688964</v>
      </c>
      <c r="BC42" s="92">
        <v>9.346485300040587E-2</v>
      </c>
      <c r="BD42" s="212">
        <v>0.36610300154952574</v>
      </c>
      <c r="BE42" s="92">
        <v>0.10812483836054351</v>
      </c>
      <c r="BF42" s="208">
        <v>92</v>
      </c>
      <c r="BG42" s="212">
        <v>0.479610208018656</v>
      </c>
      <c r="BH42" s="92">
        <v>0.10198410413459558</v>
      </c>
      <c r="BI42" s="212">
        <v>0.26502721883579489</v>
      </c>
      <c r="BJ42" s="92">
        <v>9.1125589826252656E-2</v>
      </c>
      <c r="BK42" s="212">
        <v>0.25536257314554939</v>
      </c>
      <c r="BL42" s="92">
        <v>9.0147082764198361E-2</v>
      </c>
      <c r="BM42" s="208">
        <v>88</v>
      </c>
      <c r="BN42" s="212">
        <v>0.51269768533952409</v>
      </c>
      <c r="BO42" s="92">
        <v>0.10422644329985958</v>
      </c>
      <c r="BP42" s="212">
        <v>0.13055457479101756</v>
      </c>
      <c r="BQ42" s="92">
        <v>7.3756577217096442E-2</v>
      </c>
      <c r="BR42" s="212">
        <v>0.35674773986945857</v>
      </c>
      <c r="BS42" s="92">
        <v>0.10026583157141479</v>
      </c>
      <c r="BT42" s="208">
        <v>63</v>
      </c>
      <c r="BU42" s="212">
        <v>0.59984577264191064</v>
      </c>
      <c r="BV42" s="92">
        <v>0.11999642743678759</v>
      </c>
      <c r="BW42" s="212">
        <v>0.20480413206349068</v>
      </c>
      <c r="BX42" s="92">
        <v>0.10161491690227054</v>
      </c>
      <c r="BY42" s="212">
        <v>0.19535009529459921</v>
      </c>
      <c r="BZ42" s="92">
        <v>0.10013114030884691</v>
      </c>
    </row>
    <row r="43" spans="1:78">
      <c r="A43" s="40" t="s">
        <v>537</v>
      </c>
      <c r="B43" s="318">
        <v>41</v>
      </c>
      <c r="C43" s="319">
        <v>0.44301877117064481</v>
      </c>
      <c r="D43" s="314">
        <v>0.14826543914022502</v>
      </c>
      <c r="E43" s="319">
        <v>0.23646464076938517</v>
      </c>
      <c r="F43" s="314">
        <v>0.13075751630753785</v>
      </c>
      <c r="G43" s="319">
        <v>0.32051658805997041</v>
      </c>
      <c r="H43" s="314">
        <v>0.14087288452671454</v>
      </c>
      <c r="I43" s="318">
        <v>37</v>
      </c>
      <c r="J43" s="319">
        <v>0.31209190196815612</v>
      </c>
      <c r="K43" s="314">
        <v>0.14691763601314164</v>
      </c>
      <c r="L43" s="319">
        <v>0.30016024176556333</v>
      </c>
      <c r="M43" s="314">
        <v>0.14566126139922092</v>
      </c>
      <c r="N43" s="319">
        <v>0.38774785626628072</v>
      </c>
      <c r="O43" s="314">
        <v>0.15293491844729723</v>
      </c>
      <c r="P43" s="318">
        <v>36</v>
      </c>
      <c r="Q43" s="319">
        <v>0.4673753571005399</v>
      </c>
      <c r="R43" s="314">
        <v>0.15784101573016532</v>
      </c>
      <c r="S43" s="319">
        <v>0.36317693121074079</v>
      </c>
      <c r="T43" s="314">
        <v>0.15324371202634796</v>
      </c>
      <c r="U43" s="319">
        <v>0.16944771168871939</v>
      </c>
      <c r="V43" s="314">
        <v>0.12708087960061598</v>
      </c>
      <c r="W43" s="318">
        <v>38</v>
      </c>
      <c r="X43" s="319">
        <v>0.73909774688656726</v>
      </c>
      <c r="Y43" s="314">
        <v>0.13911380444479635</v>
      </c>
      <c r="Z43" s="319">
        <v>0.10301728497353657</v>
      </c>
      <c r="AA43" s="314">
        <v>0.10734609633160837</v>
      </c>
      <c r="AB43" s="319">
        <v>0.1578849681398963</v>
      </c>
      <c r="AC43" s="314">
        <v>0.12118051859007109</v>
      </c>
      <c r="AD43" s="318">
        <v>39</v>
      </c>
      <c r="AE43" s="319">
        <v>0.47953851121172941</v>
      </c>
      <c r="AF43" s="314">
        <v>0.15239349224009957</v>
      </c>
      <c r="AG43" s="319">
        <v>0.23562672253581959</v>
      </c>
      <c r="AH43" s="314">
        <v>0.13381881289124625</v>
      </c>
      <c r="AI43" s="319">
        <v>0.2848347662524513</v>
      </c>
      <c r="AJ43" s="314">
        <v>0.14040358138483394</v>
      </c>
      <c r="AK43" s="318">
        <v>34</v>
      </c>
      <c r="AL43" s="319">
        <v>0.64266707433591552</v>
      </c>
      <c r="AM43" s="314">
        <v>0.15684575336925977</v>
      </c>
      <c r="AN43" s="319">
        <v>0.16240443686207254</v>
      </c>
      <c r="AO43" s="314">
        <v>0.12927337288496435</v>
      </c>
      <c r="AP43" s="319">
        <v>0.19492848880201219</v>
      </c>
      <c r="AQ43" s="314">
        <v>0.13591542915323501</v>
      </c>
      <c r="AR43" s="318">
        <v>38</v>
      </c>
      <c r="AS43" s="319">
        <v>0.77322273300801181</v>
      </c>
      <c r="AT43" s="314">
        <v>0.13412553051998388</v>
      </c>
      <c r="AU43" s="319">
        <v>0.14797758015538998</v>
      </c>
      <c r="AV43" s="314">
        <v>0.11894776578716623</v>
      </c>
      <c r="AW43" s="319">
        <v>7.8799686836598298E-2</v>
      </c>
      <c r="AX43" s="314">
        <v>9.9892066711501276E-2</v>
      </c>
      <c r="AY43" s="318">
        <v>38</v>
      </c>
      <c r="AZ43" s="319">
        <v>0.49034479742226239</v>
      </c>
      <c r="BA43" s="314">
        <v>0.15427979784840987</v>
      </c>
      <c r="BB43" s="319">
        <v>0.19128842134547075</v>
      </c>
      <c r="BC43" s="314">
        <v>0.12798275852564631</v>
      </c>
      <c r="BD43" s="319">
        <v>0.31836678123226708</v>
      </c>
      <c r="BE43" s="314">
        <v>0.14573102030405571</v>
      </c>
      <c r="BF43" s="318">
        <v>39</v>
      </c>
      <c r="BG43" s="319">
        <v>0.43660468218175125</v>
      </c>
      <c r="BH43" s="314">
        <v>0.15148688512330791</v>
      </c>
      <c r="BI43" s="319">
        <v>0.30370549497344057</v>
      </c>
      <c r="BJ43" s="314">
        <v>0.14250375715164121</v>
      </c>
      <c r="BK43" s="319">
        <v>0.25968982284480846</v>
      </c>
      <c r="BL43" s="314">
        <v>0.13724711866278222</v>
      </c>
      <c r="BM43" s="318">
        <v>39</v>
      </c>
      <c r="BN43" s="319">
        <v>0.643239209440714</v>
      </c>
      <c r="BO43" s="314">
        <v>0.14726094177044094</v>
      </c>
      <c r="BP43" s="319">
        <v>0.11726452478608053</v>
      </c>
      <c r="BQ43" s="314">
        <v>0.10975628517048558</v>
      </c>
      <c r="BR43" s="319">
        <v>0.23949626577320571</v>
      </c>
      <c r="BS43" s="314">
        <v>0.13439826116581027</v>
      </c>
      <c r="BT43" s="318">
        <v>27</v>
      </c>
      <c r="BU43" s="319">
        <v>0.82295081588525065</v>
      </c>
      <c r="BV43" s="314">
        <v>0.14848990679383539</v>
      </c>
      <c r="BW43" s="319">
        <v>7.3336710990249687E-2</v>
      </c>
      <c r="BX43" s="314">
        <v>0.12016442315619252</v>
      </c>
      <c r="BY43" s="319">
        <v>0.10371247312449987</v>
      </c>
      <c r="BZ43" s="314">
        <v>0.12994736215091887</v>
      </c>
    </row>
    <row r="44" spans="1:78">
      <c r="A44" s="44" t="s">
        <v>546</v>
      </c>
      <c r="B44" s="208">
        <v>85</v>
      </c>
      <c r="C44" s="212">
        <v>0.23658815520338508</v>
      </c>
      <c r="D44" s="92">
        <v>9.1605154220524357E-2</v>
      </c>
      <c r="E44" s="212">
        <v>0.21931148214954416</v>
      </c>
      <c r="F44" s="92">
        <v>8.9477058491058747E-2</v>
      </c>
      <c r="G44" s="212">
        <v>0.54410036264707062</v>
      </c>
      <c r="H44" s="92">
        <v>0.10562304115199067</v>
      </c>
      <c r="I44" s="208">
        <v>86</v>
      </c>
      <c r="J44" s="212">
        <v>0.24827588611490095</v>
      </c>
      <c r="K44" s="92">
        <v>9.2410257262813197E-2</v>
      </c>
      <c r="L44" s="212">
        <v>0.14948881133972955</v>
      </c>
      <c r="M44" s="92">
        <v>7.82644926959815E-2</v>
      </c>
      <c r="N44" s="212">
        <v>0.60223530254536939</v>
      </c>
      <c r="O44" s="92">
        <v>0.10337770415451043</v>
      </c>
      <c r="P44" s="208">
        <v>83</v>
      </c>
      <c r="Q44" s="212">
        <v>0.25300545606998076</v>
      </c>
      <c r="R44" s="92">
        <v>9.4558747796003983E-2</v>
      </c>
      <c r="S44" s="212">
        <v>0.20589641515028537</v>
      </c>
      <c r="T44" s="92">
        <v>8.8739312500710113E-2</v>
      </c>
      <c r="U44" s="212">
        <v>0.54109812877973373</v>
      </c>
      <c r="V44" s="92">
        <v>0.10688111105893237</v>
      </c>
      <c r="W44" s="208">
        <v>85</v>
      </c>
      <c r="X44" s="212">
        <v>0.19153427549578705</v>
      </c>
      <c r="Y44" s="92">
        <v>8.5646150736399404E-2</v>
      </c>
      <c r="Z44" s="212">
        <v>2.0226159893188034E-2</v>
      </c>
      <c r="AA44" s="92">
        <v>4.2422543380248798E-2</v>
      </c>
      <c r="AB44" s="212">
        <v>0.78823956461102529</v>
      </c>
      <c r="AC44" s="92">
        <v>8.8487460216723185E-2</v>
      </c>
      <c r="AD44" s="208">
        <v>101</v>
      </c>
      <c r="AE44" s="212">
        <v>0.39416898967782876</v>
      </c>
      <c r="AF44" s="92">
        <v>9.5545928476674757E-2</v>
      </c>
      <c r="AG44" s="212">
        <v>0.11240317184021922</v>
      </c>
      <c r="AH44" s="92">
        <v>6.5026550014310083E-2</v>
      </c>
      <c r="AI44" s="212">
        <v>0.49342783848195276</v>
      </c>
      <c r="AJ44" s="92">
        <v>9.7582206599641425E-2</v>
      </c>
      <c r="AK44" s="208">
        <v>82</v>
      </c>
      <c r="AL44" s="212">
        <v>0.41221775164398544</v>
      </c>
      <c r="AM44" s="92">
        <v>0.10631117517520888</v>
      </c>
      <c r="AN44" s="212">
        <v>6.5295330719507619E-2</v>
      </c>
      <c r="AO44" s="92">
        <v>6.0309851970358118E-2</v>
      </c>
      <c r="AP44" s="212">
        <v>0.52248691763650723</v>
      </c>
      <c r="AQ44" s="92">
        <v>0.10773358244268814</v>
      </c>
      <c r="AR44" s="208">
        <v>95</v>
      </c>
      <c r="AS44" s="212">
        <v>0.44182707841270974</v>
      </c>
      <c r="AT44" s="92">
        <v>9.9875447369872222E-2</v>
      </c>
      <c r="AU44" s="212">
        <v>0.11033477695524756</v>
      </c>
      <c r="AV44" s="92">
        <v>6.672208481835247E-2</v>
      </c>
      <c r="AW44" s="212">
        <v>0.4478381446320433</v>
      </c>
      <c r="AX44" s="92">
        <v>9.9998902314234764E-2</v>
      </c>
      <c r="AY44" s="208">
        <v>77</v>
      </c>
      <c r="AZ44" s="212">
        <v>0.18837055915556808</v>
      </c>
      <c r="BA44" s="92">
        <v>8.9509407825762125E-2</v>
      </c>
      <c r="BB44" s="212">
        <v>0.19165306116385952</v>
      </c>
      <c r="BC44" s="92">
        <v>9.0015281809182002E-2</v>
      </c>
      <c r="BD44" s="212">
        <v>0.61997637968057218</v>
      </c>
      <c r="BE44" s="92">
        <v>0.1081818834088054</v>
      </c>
      <c r="BF44" s="208">
        <v>92</v>
      </c>
      <c r="BG44" s="212">
        <v>0.24380569828962426</v>
      </c>
      <c r="BH44" s="92">
        <v>8.8910103452147796E-2</v>
      </c>
      <c r="BI44" s="212">
        <v>0.30324646501416075</v>
      </c>
      <c r="BJ44" s="92">
        <v>9.4526635211407667E-2</v>
      </c>
      <c r="BK44" s="212">
        <v>0.45294783669621536</v>
      </c>
      <c r="BL44" s="92">
        <v>0.10164618834346723</v>
      </c>
      <c r="BM44" s="208">
        <v>90</v>
      </c>
      <c r="BN44" s="212">
        <v>0.22891061534348023</v>
      </c>
      <c r="BO44" s="92">
        <v>8.8156508402553985E-2</v>
      </c>
      <c r="BP44" s="212">
        <v>5.7661664502582415E-2</v>
      </c>
      <c r="BQ44" s="92">
        <v>5.4824549005713374E-2</v>
      </c>
      <c r="BR44" s="212">
        <v>0.71342772015393774</v>
      </c>
      <c r="BS44" s="92">
        <v>9.4134995681067909E-2</v>
      </c>
      <c r="BT44" s="208">
        <v>71</v>
      </c>
      <c r="BU44" s="212">
        <v>0.26219249269437356</v>
      </c>
      <c r="BV44" s="92">
        <v>0.10310356900448597</v>
      </c>
      <c r="BW44" s="212">
        <v>9.0590177949678274E-2</v>
      </c>
      <c r="BX44" s="92">
        <v>7.2951456000413639E-2</v>
      </c>
      <c r="BY44" s="212">
        <v>0.64721732935594789</v>
      </c>
      <c r="BZ44" s="92">
        <v>0.11089386900860844</v>
      </c>
    </row>
    <row r="45" spans="1:78">
      <c r="A45" s="40" t="s">
        <v>547</v>
      </c>
      <c r="B45" s="318">
        <v>18</v>
      </c>
      <c r="C45" s="319">
        <v>0.29756965781434513</v>
      </c>
      <c r="D45" s="314">
        <v>0.20116407469031655</v>
      </c>
      <c r="E45" s="319">
        <v>0.27163935951221191</v>
      </c>
      <c r="F45" s="314">
        <v>0.19775587272196979</v>
      </c>
      <c r="G45" s="319">
        <v>0.4307909826734429</v>
      </c>
      <c r="H45" s="314">
        <v>0.2118290674519076</v>
      </c>
      <c r="I45" s="318">
        <v>19</v>
      </c>
      <c r="J45" s="319">
        <v>0.43337548229910561</v>
      </c>
      <c r="K45" s="314">
        <v>0.20724732447071478</v>
      </c>
      <c r="L45" s="319">
        <v>9.2504318606889194E-2</v>
      </c>
      <c r="M45" s="314">
        <v>0.15417796168779777</v>
      </c>
      <c r="N45" s="319">
        <v>0.47412019909400532</v>
      </c>
      <c r="O45" s="314">
        <v>0.20832371958470214</v>
      </c>
      <c r="P45" s="318">
        <v>18</v>
      </c>
      <c r="Q45" s="319">
        <v>0.28723602359175998</v>
      </c>
      <c r="R45" s="314">
        <v>0.19986190092333783</v>
      </c>
      <c r="S45" s="319">
        <v>0.2034904932045474</v>
      </c>
      <c r="T45" s="314">
        <v>0.18642369966504899</v>
      </c>
      <c r="U45" s="319">
        <v>0.5092734832036927</v>
      </c>
      <c r="V45" s="314">
        <v>0.21317616762234509</v>
      </c>
      <c r="W45" s="318">
        <v>16</v>
      </c>
      <c r="X45" s="319">
        <v>0.13927991728058323</v>
      </c>
      <c r="Y45" s="314">
        <v>0.18260550595787312</v>
      </c>
      <c r="Z45" s="319">
        <v>0</v>
      </c>
      <c r="AA45" s="314">
        <v>0.13416407864998739</v>
      </c>
      <c r="AB45" s="319">
        <v>0.8607200827194168</v>
      </c>
      <c r="AC45" s="314">
        <v>0.18260550595787312</v>
      </c>
      <c r="AD45" s="318">
        <v>22</v>
      </c>
      <c r="AE45" s="319">
        <v>0.4477540437315255</v>
      </c>
      <c r="AF45" s="314">
        <v>0.19534806900080648</v>
      </c>
      <c r="AG45" s="319">
        <v>0.16888815238930385</v>
      </c>
      <c r="AH45" s="314">
        <v>0.16243526288377652</v>
      </c>
      <c r="AI45" s="319">
        <v>0.38335780387917084</v>
      </c>
      <c r="AJ45" s="314">
        <v>0.19225738127255343</v>
      </c>
      <c r="AK45" s="318">
        <v>17</v>
      </c>
      <c r="AL45" s="319">
        <v>0.33339784490153557</v>
      </c>
      <c r="AM45" s="314">
        <v>0.21012944384307772</v>
      </c>
      <c r="AN45" s="319">
        <v>9.9976543853936478E-2</v>
      </c>
      <c r="AO45" s="314">
        <v>0.16626719445019852</v>
      </c>
      <c r="AP45" s="319">
        <v>0.56662561124452804</v>
      </c>
      <c r="AQ45" s="314">
        <v>0.21694458970668354</v>
      </c>
      <c r="AR45" s="318">
        <v>23</v>
      </c>
      <c r="AS45" s="319">
        <v>0.68114226470799022</v>
      </c>
      <c r="AT45" s="314">
        <v>0.18305617152647519</v>
      </c>
      <c r="AU45" s="319">
        <v>4.7297785238251649E-2</v>
      </c>
      <c r="AV45" s="314">
        <v>0.12249594225131735</v>
      </c>
      <c r="AW45" s="319">
        <v>0.2715599500537581</v>
      </c>
      <c r="AX45" s="314">
        <v>0.17727650577242421</v>
      </c>
      <c r="AY45" s="318">
        <v>18</v>
      </c>
      <c r="AZ45" s="319">
        <v>0.20798155429407919</v>
      </c>
      <c r="BA45" s="314">
        <v>0.18728453552103641</v>
      </c>
      <c r="BB45" s="319">
        <v>0.25833582767803226</v>
      </c>
      <c r="BC45" s="314">
        <v>0.19582215153281471</v>
      </c>
      <c r="BD45" s="319">
        <v>0.53368261802788863</v>
      </c>
      <c r="BE45" s="314">
        <v>0.21287663041209096</v>
      </c>
      <c r="BF45" s="318">
        <v>21</v>
      </c>
      <c r="BG45" s="319">
        <v>0.32682651350276443</v>
      </c>
      <c r="BH45" s="314">
        <v>0.1913487796819581</v>
      </c>
      <c r="BI45" s="319">
        <v>0.36313557419826054</v>
      </c>
      <c r="BJ45" s="314">
        <v>0.19464132830910988</v>
      </c>
      <c r="BK45" s="319">
        <v>0.31003791229897515</v>
      </c>
      <c r="BL45" s="314">
        <v>0.18954176503756032</v>
      </c>
      <c r="BM45" s="318">
        <v>20</v>
      </c>
      <c r="BN45" s="319">
        <v>0.49203937377132179</v>
      </c>
      <c r="BO45" s="314">
        <v>0.20410617823627591</v>
      </c>
      <c r="BP45" s="319">
        <v>0</v>
      </c>
      <c r="BQ45" s="314">
        <v>0.112833866731055</v>
      </c>
      <c r="BR45" s="319">
        <v>0.5079606262286781</v>
      </c>
      <c r="BS45" s="314">
        <v>0.20410617823627594</v>
      </c>
      <c r="BT45" s="318">
        <v>10</v>
      </c>
      <c r="BU45" s="319">
        <v>0.26210377570101567</v>
      </c>
      <c r="BV45" s="314">
        <v>0.25135359111115435</v>
      </c>
      <c r="BW45" s="319">
        <v>0.10535902633635164</v>
      </c>
      <c r="BX45" s="314">
        <v>0.22073905214254291</v>
      </c>
      <c r="BY45" s="319">
        <v>0.63253719796263264</v>
      </c>
      <c r="BZ45" s="314">
        <v>0.26242696919850561</v>
      </c>
    </row>
    <row r="46" spans="1:78">
      <c r="A46" s="44" t="s">
        <v>548</v>
      </c>
      <c r="B46" s="208">
        <v>38</v>
      </c>
      <c r="C46" s="212">
        <v>0.42228409755094259</v>
      </c>
      <c r="D46" s="92">
        <v>0.15276994432962809</v>
      </c>
      <c r="E46" s="212">
        <v>6.3083816590283268E-2</v>
      </c>
      <c r="F46" s="92">
        <v>9.4482985834224625E-2</v>
      </c>
      <c r="G46" s="212">
        <v>0.51463208585877507</v>
      </c>
      <c r="H46" s="92">
        <v>0.15424925428279176</v>
      </c>
      <c r="I46" s="208">
        <v>39</v>
      </c>
      <c r="J46" s="212">
        <v>0.3959489294611675</v>
      </c>
      <c r="K46" s="92">
        <v>0.14975761634285803</v>
      </c>
      <c r="L46" s="212">
        <v>1.1211957814950551E-2</v>
      </c>
      <c r="M46" s="92">
        <v>7.0524889898263318E-2</v>
      </c>
      <c r="N46" s="212">
        <v>0.5928391127238829</v>
      </c>
      <c r="O46" s="92">
        <v>0.15032054708146397</v>
      </c>
      <c r="P46" s="208">
        <v>35</v>
      </c>
      <c r="Q46" s="212">
        <v>0.3660937339360178</v>
      </c>
      <c r="R46" s="92">
        <v>0.1554344187545825</v>
      </c>
      <c r="S46" s="212">
        <v>1.5856124015034313E-2</v>
      </c>
      <c r="T46" s="92">
        <v>7.9240041883562568E-2</v>
      </c>
      <c r="U46" s="212">
        <v>0.61805014204894893</v>
      </c>
      <c r="V46" s="92">
        <v>0.15649238547210068</v>
      </c>
      <c r="W46" s="208">
        <v>35</v>
      </c>
      <c r="X46" s="212">
        <v>0.321861217223677</v>
      </c>
      <c r="Y46" s="92">
        <v>0.15172247888084012</v>
      </c>
      <c r="Z46" s="212">
        <v>3.4762305297778101E-2</v>
      </c>
      <c r="AA46" s="92">
        <v>8.8100297053237978E-2</v>
      </c>
      <c r="AB46" s="212">
        <v>0.64337647747854576</v>
      </c>
      <c r="AC46" s="92">
        <v>0.15473508307969647</v>
      </c>
      <c r="AD46" s="208">
        <v>39</v>
      </c>
      <c r="AE46" s="212">
        <v>0.50272549681356749</v>
      </c>
      <c r="AF46" s="92">
        <v>0.1524967066065277</v>
      </c>
      <c r="AG46" s="212">
        <v>0.14590748077870391</v>
      </c>
      <c r="AH46" s="92">
        <v>0.11688209669680848</v>
      </c>
      <c r="AI46" s="212">
        <v>0.35136702240772932</v>
      </c>
      <c r="AJ46" s="92">
        <v>0.14685134581788262</v>
      </c>
      <c r="AK46" s="208">
        <v>36</v>
      </c>
      <c r="AL46" s="212">
        <v>0.45102629133704497</v>
      </c>
      <c r="AM46" s="92">
        <v>0.15749834172029709</v>
      </c>
      <c r="AN46" s="212">
        <v>0.16628203876994047</v>
      </c>
      <c r="AO46" s="92">
        <v>0.12640893208372836</v>
      </c>
      <c r="AP46" s="212">
        <v>0.38269166989301551</v>
      </c>
      <c r="AQ46" s="92">
        <v>0.15454882468232611</v>
      </c>
      <c r="AR46" s="208">
        <v>43</v>
      </c>
      <c r="AS46" s="212">
        <v>0.63968290373028558</v>
      </c>
      <c r="AT46" s="92">
        <v>0.14102012493594115</v>
      </c>
      <c r="AU46" s="212">
        <v>0.10510835425906605</v>
      </c>
      <c r="AV46" s="92">
        <v>0.10083649396148719</v>
      </c>
      <c r="AW46" s="212">
        <v>0.25520874201064853</v>
      </c>
      <c r="AX46" s="92">
        <v>0.13041434211847444</v>
      </c>
      <c r="AY46" s="208">
        <v>39</v>
      </c>
      <c r="AZ46" s="212">
        <v>0.34982651371772083</v>
      </c>
      <c r="BA46" s="92">
        <v>0.14673136619261304</v>
      </c>
      <c r="BB46" s="212">
        <v>9.1159296614831895E-2</v>
      </c>
      <c r="BC46" s="92">
        <v>0.10229945921244421</v>
      </c>
      <c r="BD46" s="212">
        <v>0.5590141896674482</v>
      </c>
      <c r="BE46" s="92">
        <v>0.15162227490404731</v>
      </c>
      <c r="BF46" s="208">
        <v>38</v>
      </c>
      <c r="BG46" s="212">
        <v>0.47698912048200326</v>
      </c>
      <c r="BH46" s="92">
        <v>0.15416952757708963</v>
      </c>
      <c r="BI46" s="212">
        <v>7.6976743217950575E-2</v>
      </c>
      <c r="BJ46" s="92">
        <v>9.9289700724185831E-2</v>
      </c>
      <c r="BK46" s="212">
        <v>0.44603413630004674</v>
      </c>
      <c r="BL46" s="92">
        <v>0.15356586815885739</v>
      </c>
      <c r="BM46" s="208">
        <v>39</v>
      </c>
      <c r="BN46" s="212">
        <v>0.3926630375293414</v>
      </c>
      <c r="BO46" s="92">
        <v>0.14958005184356071</v>
      </c>
      <c r="BP46" s="212">
        <v>0.18790495854361799</v>
      </c>
      <c r="BQ46" s="92">
        <v>0.12570743790599295</v>
      </c>
      <c r="BR46" s="212">
        <v>0.41943200392704133</v>
      </c>
      <c r="BS46" s="92">
        <v>0.15086118461678133</v>
      </c>
      <c r="BT46" s="208">
        <v>32</v>
      </c>
      <c r="BU46" s="212">
        <v>0.3153343439873238</v>
      </c>
      <c r="BV46" s="92">
        <v>0.15742923644422055</v>
      </c>
      <c r="BW46" s="212">
        <v>0.13862038557285278</v>
      </c>
      <c r="BX46" s="92">
        <v>0.12772089745093529</v>
      </c>
      <c r="BY46" s="212">
        <v>0.54604527043982432</v>
      </c>
      <c r="BZ46" s="92">
        <v>0.16610733022035076</v>
      </c>
    </row>
    <row r="47" spans="1:78">
      <c r="A47" s="40" t="s">
        <v>538</v>
      </c>
      <c r="B47" s="318">
        <v>57</v>
      </c>
      <c r="C47" s="319">
        <v>0.3362759306191932</v>
      </c>
      <c r="D47" s="314">
        <v>0.12189612670703048</v>
      </c>
      <c r="E47" s="319">
        <v>0.15777665054274559</v>
      </c>
      <c r="F47" s="314">
        <v>9.8426695455643753E-2</v>
      </c>
      <c r="G47" s="319">
        <v>0.50594741883806105</v>
      </c>
      <c r="H47" s="314">
        <v>0.12802897085994253</v>
      </c>
      <c r="I47" s="318">
        <v>56</v>
      </c>
      <c r="J47" s="319">
        <v>0.16216681231867328</v>
      </c>
      <c r="K47" s="314">
        <v>0.10019281043329206</v>
      </c>
      <c r="L47" s="319">
        <v>0.34448768423449566</v>
      </c>
      <c r="M47" s="314">
        <v>0.12354027113751839</v>
      </c>
      <c r="N47" s="319">
        <v>0.49334550344683126</v>
      </c>
      <c r="O47" s="314">
        <v>0.12908948451241362</v>
      </c>
      <c r="P47" s="318">
        <v>52</v>
      </c>
      <c r="Q47" s="319">
        <v>8.3007447278219751E-2</v>
      </c>
      <c r="R47" s="314">
        <v>8.4545191769977879E-2</v>
      </c>
      <c r="S47" s="319">
        <v>0.30088899037691741</v>
      </c>
      <c r="T47" s="314">
        <v>0.12415892281751187</v>
      </c>
      <c r="U47" s="319">
        <v>0.61610356234486274</v>
      </c>
      <c r="V47" s="314">
        <v>0.13048724806589349</v>
      </c>
      <c r="W47" s="318">
        <v>50</v>
      </c>
      <c r="X47" s="319">
        <v>0.26965126430267483</v>
      </c>
      <c r="Y47" s="314">
        <v>0.12308056355863393</v>
      </c>
      <c r="Z47" s="319">
        <v>0.21095469624444571</v>
      </c>
      <c r="AA47" s="314">
        <v>0.11494660683975709</v>
      </c>
      <c r="AB47" s="319">
        <v>0.5193940394528791</v>
      </c>
      <c r="AC47" s="314">
        <v>0.1359949700069874</v>
      </c>
      <c r="AD47" s="318">
        <v>60</v>
      </c>
      <c r="AE47" s="319">
        <v>0.52078446759127783</v>
      </c>
      <c r="AF47" s="314">
        <v>0.12490504335585612</v>
      </c>
      <c r="AG47" s="319">
        <v>0.11389000087350772</v>
      </c>
      <c r="AH47" s="314">
        <v>8.623073611477737E-2</v>
      </c>
      <c r="AI47" s="319">
        <v>0.36532553153521435</v>
      </c>
      <c r="AJ47" s="314">
        <v>0.12094913461208709</v>
      </c>
      <c r="AK47" s="318">
        <v>48</v>
      </c>
      <c r="AL47" s="319">
        <v>0.42954107470791364</v>
      </c>
      <c r="AM47" s="314">
        <v>0.13749683281480413</v>
      </c>
      <c r="AN47" s="319">
        <v>0.18834126759829395</v>
      </c>
      <c r="AO47" s="314">
        <v>0.11342138928711243</v>
      </c>
      <c r="AP47" s="319">
        <v>0.38211765769379225</v>
      </c>
      <c r="AQ47" s="314">
        <v>0.13535122719955994</v>
      </c>
      <c r="AR47" s="318">
        <v>61</v>
      </c>
      <c r="AS47" s="319">
        <v>0.59941060555535364</v>
      </c>
      <c r="AT47" s="314">
        <v>0.12185651349917802</v>
      </c>
      <c r="AU47" s="319">
        <v>0.17173944238583896</v>
      </c>
      <c r="AV47" s="314">
        <v>9.7696261840306373E-2</v>
      </c>
      <c r="AW47" s="319">
        <v>0.22884995205880734</v>
      </c>
      <c r="AX47" s="314">
        <v>0.1067702430753327</v>
      </c>
      <c r="AY47" s="318">
        <v>52</v>
      </c>
      <c r="AZ47" s="319">
        <v>0.20806782916289357</v>
      </c>
      <c r="BA47" s="314">
        <v>0.11228652841776331</v>
      </c>
      <c r="BB47" s="319">
        <v>0.34859449547783961</v>
      </c>
      <c r="BC47" s="314">
        <v>0.12823923506737486</v>
      </c>
      <c r="BD47" s="319">
        <v>0.44333767535926655</v>
      </c>
      <c r="BE47" s="314">
        <v>0.13288869137066461</v>
      </c>
      <c r="BF47" s="318">
        <v>61</v>
      </c>
      <c r="BG47" s="319">
        <v>0.27065831946030711</v>
      </c>
      <c r="BH47" s="314">
        <v>0.11195514456899801</v>
      </c>
      <c r="BI47" s="319">
        <v>0.33721450865895292</v>
      </c>
      <c r="BJ47" s="314">
        <v>0.11810346489056518</v>
      </c>
      <c r="BK47" s="319">
        <v>0.39212717188073987</v>
      </c>
      <c r="BL47" s="314">
        <v>0.12146581056467515</v>
      </c>
      <c r="BM47" s="318">
        <v>63</v>
      </c>
      <c r="BN47" s="319">
        <v>0.38790032391637874</v>
      </c>
      <c r="BO47" s="314">
        <v>0.11942382347381161</v>
      </c>
      <c r="BP47" s="319">
        <v>0.17173405024369984</v>
      </c>
      <c r="BQ47" s="314">
        <v>9.6110656533576547E-2</v>
      </c>
      <c r="BR47" s="319">
        <v>0.44036562583992145</v>
      </c>
      <c r="BS47" s="314">
        <v>0.12139873707805242</v>
      </c>
      <c r="BT47" s="318">
        <v>43</v>
      </c>
      <c r="BU47" s="319">
        <v>0.2848000083775819</v>
      </c>
      <c r="BV47" s="314">
        <v>0.13408040074543168</v>
      </c>
      <c r="BW47" s="319">
        <v>0.18286236283652688</v>
      </c>
      <c r="BX47" s="314">
        <v>0.11879343858823291</v>
      </c>
      <c r="BY47" s="319">
        <v>0.53233762878589086</v>
      </c>
      <c r="BZ47" s="314">
        <v>0.14560941598371657</v>
      </c>
    </row>
    <row r="48" spans="1:78">
      <c r="A48" s="44" t="s">
        <v>539</v>
      </c>
      <c r="B48" s="208">
        <v>44</v>
      </c>
      <c r="C48" s="212">
        <v>0.35703814344046914</v>
      </c>
      <c r="D48" s="92">
        <v>0.1392917576857135</v>
      </c>
      <c r="E48" s="212">
        <v>0.17564279411310102</v>
      </c>
      <c r="F48" s="92">
        <v>0.11604467321483777</v>
      </c>
      <c r="G48" s="212">
        <v>0.46731906244642979</v>
      </c>
      <c r="H48" s="92">
        <v>0.14407826190145198</v>
      </c>
      <c r="I48" s="208">
        <v>42</v>
      </c>
      <c r="J48" s="212">
        <v>0.16986267512011716</v>
      </c>
      <c r="K48" s="92">
        <v>0.11763618085134876</v>
      </c>
      <c r="L48" s="212">
        <v>0.33368156967664137</v>
      </c>
      <c r="M48" s="92">
        <v>0.14047737493308887</v>
      </c>
      <c r="N48" s="212">
        <v>0.49645575520324153</v>
      </c>
      <c r="O48" s="92">
        <v>0.14743886809321743</v>
      </c>
      <c r="P48" s="208">
        <v>39</v>
      </c>
      <c r="Q48" s="212">
        <v>6.3230030672538753E-2</v>
      </c>
      <c r="R48" s="92">
        <v>9.3048093685759364E-2</v>
      </c>
      <c r="S48" s="212">
        <v>0.34209962773877772</v>
      </c>
      <c r="T48" s="92">
        <v>0.14610933559030539</v>
      </c>
      <c r="U48" s="212">
        <v>0.59467034158868326</v>
      </c>
      <c r="V48" s="92">
        <v>0.15023312370066297</v>
      </c>
      <c r="W48" s="208">
        <v>39</v>
      </c>
      <c r="X48" s="212">
        <v>0.25216195201246394</v>
      </c>
      <c r="Y48" s="92">
        <v>0.13621885517434773</v>
      </c>
      <c r="Z48" s="212">
        <v>0.23299418620645834</v>
      </c>
      <c r="AA48" s="92">
        <v>0.13341825436861715</v>
      </c>
      <c r="AB48" s="212">
        <v>0.51484386178107766</v>
      </c>
      <c r="AC48" s="92">
        <v>0.15244327854729747</v>
      </c>
      <c r="AD48" s="208">
        <v>44</v>
      </c>
      <c r="AE48" s="212">
        <v>0.52626433942326667</v>
      </c>
      <c r="AF48" s="92">
        <v>0.14417014350623197</v>
      </c>
      <c r="AG48" s="212">
        <v>0.10697014642877482</v>
      </c>
      <c r="AH48" s="92">
        <v>0.10008339011012227</v>
      </c>
      <c r="AI48" s="212">
        <v>0.36676551414795805</v>
      </c>
      <c r="AJ48" s="92">
        <v>0.13996543303696449</v>
      </c>
      <c r="AK48" s="208">
        <v>37</v>
      </c>
      <c r="AL48" s="212">
        <v>0.4177276827102947</v>
      </c>
      <c r="AM48" s="92">
        <v>0.1544423702271584</v>
      </c>
      <c r="AN48" s="212">
        <v>0.21374501239198515</v>
      </c>
      <c r="AO48" s="92">
        <v>0.13371495492967742</v>
      </c>
      <c r="AP48" s="212">
        <v>0.36852730489771995</v>
      </c>
      <c r="AQ48" s="92">
        <v>0.1517131777677927</v>
      </c>
      <c r="AR48" s="208">
        <v>44</v>
      </c>
      <c r="AS48" s="212">
        <v>0.61250956371831311</v>
      </c>
      <c r="AT48" s="92">
        <v>0.14123367933961156</v>
      </c>
      <c r="AU48" s="212">
        <v>0.16014307152706089</v>
      </c>
      <c r="AV48" s="92">
        <v>0.11289582999744127</v>
      </c>
      <c r="AW48" s="212">
        <v>0.22734736475462555</v>
      </c>
      <c r="AX48" s="92">
        <v>0.12501140086837731</v>
      </c>
      <c r="AY48" s="208">
        <v>39</v>
      </c>
      <c r="AZ48" s="212">
        <v>0.18395448584572369</v>
      </c>
      <c r="BA48" s="92">
        <v>0.12494989134722825</v>
      </c>
      <c r="BB48" s="212">
        <v>0.39491038088227959</v>
      </c>
      <c r="BC48" s="92">
        <v>0.1497021140709198</v>
      </c>
      <c r="BD48" s="212">
        <v>0.42113513327199664</v>
      </c>
      <c r="BE48" s="92">
        <v>0.15093003442195407</v>
      </c>
      <c r="BF48" s="208">
        <v>45</v>
      </c>
      <c r="BG48" s="212">
        <v>0.32026528576779362</v>
      </c>
      <c r="BH48" s="92">
        <v>0.13484817570554208</v>
      </c>
      <c r="BI48" s="212">
        <v>0.31535680463185584</v>
      </c>
      <c r="BJ48" s="92">
        <v>0.13439081590504584</v>
      </c>
      <c r="BK48" s="212">
        <v>0.36437790960035055</v>
      </c>
      <c r="BL48" s="92">
        <v>0.1383539009788935</v>
      </c>
      <c r="BM48" s="208">
        <v>46</v>
      </c>
      <c r="BN48" s="212">
        <v>0.36270180745242014</v>
      </c>
      <c r="BO48" s="92">
        <v>0.13683411511225674</v>
      </c>
      <c r="BP48" s="212">
        <v>0.15979751270224762</v>
      </c>
      <c r="BQ48" s="92">
        <v>0.11028674746404235</v>
      </c>
      <c r="BR48" s="212">
        <v>0.47750067984533201</v>
      </c>
      <c r="BS48" s="92">
        <v>0.1413001163180152</v>
      </c>
      <c r="BT48" s="208">
        <v>35</v>
      </c>
      <c r="BU48" s="212">
        <v>0.280802317537163</v>
      </c>
      <c r="BV48" s="92">
        <v>0.14721443175213159</v>
      </c>
      <c r="BW48" s="212">
        <v>0.20326476638045521</v>
      </c>
      <c r="BX48" s="92">
        <v>0.13552702708027359</v>
      </c>
      <c r="BY48" s="212">
        <v>0.51593291608238157</v>
      </c>
      <c r="BZ48" s="92">
        <v>0.16006266245775144</v>
      </c>
    </row>
    <row r="49" spans="1:78">
      <c r="A49" s="40" t="s">
        <v>540</v>
      </c>
      <c r="B49" s="318">
        <v>139</v>
      </c>
      <c r="C49" s="319">
        <v>0.60469089053269964</v>
      </c>
      <c r="D49" s="314">
        <v>8.1873926428874741E-2</v>
      </c>
      <c r="E49" s="319">
        <v>0.16486878933739069</v>
      </c>
      <c r="F49" s="314">
        <v>6.3440393232907191E-2</v>
      </c>
      <c r="G49" s="319">
        <v>0.23044032012991053</v>
      </c>
      <c r="H49" s="314">
        <v>7.1222247636058528E-2</v>
      </c>
      <c r="I49" s="318">
        <v>140</v>
      </c>
      <c r="J49" s="319">
        <v>0.63516765403417441</v>
      </c>
      <c r="K49" s="314">
        <v>8.0403604159360875E-2</v>
      </c>
      <c r="L49" s="319">
        <v>0.13838348896827443</v>
      </c>
      <c r="M49" s="314">
        <v>5.9254021074335736E-2</v>
      </c>
      <c r="N49" s="319">
        <v>0.22644885699755221</v>
      </c>
      <c r="O49" s="314">
        <v>7.0567002768174653E-2</v>
      </c>
      <c r="P49" s="318">
        <v>123</v>
      </c>
      <c r="Q49" s="319">
        <v>0.45450280243931984</v>
      </c>
      <c r="R49" s="314">
        <v>8.8390391211830427E-2</v>
      </c>
      <c r="S49" s="319">
        <v>0.24315501255569777</v>
      </c>
      <c r="T49" s="314">
        <v>7.6974432845955246E-2</v>
      </c>
      <c r="U49" s="319">
        <v>0.30234218500498317</v>
      </c>
      <c r="V49" s="314">
        <v>8.1974385657439003E-2</v>
      </c>
      <c r="W49" s="318">
        <v>146</v>
      </c>
      <c r="X49" s="319">
        <v>0.80998692972347297</v>
      </c>
      <c r="Y49" s="314">
        <v>6.5108048153250053E-2</v>
      </c>
      <c r="Z49" s="319">
        <v>6.7960150777099188E-2</v>
      </c>
      <c r="AA49" s="314">
        <v>4.4170563391122485E-2</v>
      </c>
      <c r="AB49" s="319">
        <v>0.12205291949942838</v>
      </c>
      <c r="AC49" s="314">
        <v>5.5298649247823413E-2</v>
      </c>
      <c r="AD49" s="318">
        <v>145</v>
      </c>
      <c r="AE49" s="319">
        <v>0.57966322345307919</v>
      </c>
      <c r="AF49" s="314">
        <v>8.0932474018050107E-2</v>
      </c>
      <c r="AG49" s="319">
        <v>0.1662609353337404</v>
      </c>
      <c r="AH49" s="314">
        <v>6.2287101897300821E-2</v>
      </c>
      <c r="AI49" s="319">
        <v>0.25407584121318183</v>
      </c>
      <c r="AJ49" s="314">
        <v>7.1929290396132189E-2</v>
      </c>
      <c r="AK49" s="318">
        <v>131</v>
      </c>
      <c r="AL49" s="319">
        <v>0.58939307543350639</v>
      </c>
      <c r="AM49" s="314">
        <v>8.4761173939339476E-2</v>
      </c>
      <c r="AN49" s="319">
        <v>0.17700612496888385</v>
      </c>
      <c r="AO49" s="314">
        <v>6.7057872841984403E-2</v>
      </c>
      <c r="AP49" s="319">
        <v>0.23360079959761063</v>
      </c>
      <c r="AQ49" s="314">
        <v>7.3670880611892628E-2</v>
      </c>
      <c r="AR49" s="318">
        <v>146</v>
      </c>
      <c r="AS49" s="319">
        <v>0.71440665589117403</v>
      </c>
      <c r="AT49" s="314">
        <v>7.4197725163877057E-2</v>
      </c>
      <c r="AU49" s="319">
        <v>0.12374914272074951</v>
      </c>
      <c r="AV49" s="314">
        <v>5.5590105090494314E-2</v>
      </c>
      <c r="AW49" s="319">
        <v>0.16184420138807801</v>
      </c>
      <c r="AX49" s="314">
        <v>6.1463912981665071E-2</v>
      </c>
      <c r="AY49" s="318">
        <v>132</v>
      </c>
      <c r="AZ49" s="319">
        <v>0.69413329261960466</v>
      </c>
      <c r="BA49" s="314">
        <v>7.9427471254413073E-2</v>
      </c>
      <c r="BB49" s="319">
        <v>0.1673609590191919</v>
      </c>
      <c r="BC49" s="314">
        <v>6.5476601217147171E-2</v>
      </c>
      <c r="BD49" s="319">
        <v>0.13850574836120447</v>
      </c>
      <c r="BE49" s="314">
        <v>6.1091977282623187E-2</v>
      </c>
      <c r="BF49" s="318">
        <v>140</v>
      </c>
      <c r="BG49" s="319">
        <v>0.44100483102634308</v>
      </c>
      <c r="BH49" s="314">
        <v>8.2783224572263878E-2</v>
      </c>
      <c r="BI49" s="319">
        <v>0.30130295550454739</v>
      </c>
      <c r="BJ49" s="314">
        <v>7.6862500450802923E-2</v>
      </c>
      <c r="BK49" s="319">
        <v>0.25769221346911048</v>
      </c>
      <c r="BL49" s="314">
        <v>7.3504245938043805E-2</v>
      </c>
      <c r="BM49" s="318">
        <v>148</v>
      </c>
      <c r="BN49" s="319">
        <v>0.57984691545331635</v>
      </c>
      <c r="BO49" s="314">
        <v>8.0124181432936301E-2</v>
      </c>
      <c r="BP49" s="319">
        <v>0.14126931977780011</v>
      </c>
      <c r="BQ49" s="314">
        <v>5.8037242365309681E-2</v>
      </c>
      <c r="BR49" s="319">
        <v>0.27888376476888466</v>
      </c>
      <c r="BS49" s="314">
        <v>7.3206096089759864E-2</v>
      </c>
      <c r="BT49" s="318">
        <v>123</v>
      </c>
      <c r="BU49" s="319">
        <v>0.7393428351933905</v>
      </c>
      <c r="BV49" s="314">
        <v>7.8623328848650059E-2</v>
      </c>
      <c r="BW49" s="319">
        <v>8.818663694618438E-2</v>
      </c>
      <c r="BX49" s="314">
        <v>5.3514107431606936E-2</v>
      </c>
      <c r="BY49" s="319">
        <v>0.17247052786042599</v>
      </c>
      <c r="BZ49" s="314">
        <v>6.859111822386546E-2</v>
      </c>
    </row>
    <row r="50" spans="1:78" ht="25.5">
      <c r="A50" s="44" t="s">
        <v>541</v>
      </c>
      <c r="B50" s="208">
        <v>67</v>
      </c>
      <c r="C50" s="212">
        <v>0.68996289657336773</v>
      </c>
      <c r="D50" s="92">
        <v>0.11078861470123137</v>
      </c>
      <c r="E50" s="212">
        <v>0.10426777142346631</v>
      </c>
      <c r="F50" s="92">
        <v>7.8916774525524036E-2</v>
      </c>
      <c r="G50" s="212">
        <v>0.20576933200316583</v>
      </c>
      <c r="H50" s="92">
        <v>9.8698029704188561E-2</v>
      </c>
      <c r="I50" s="208">
        <v>68</v>
      </c>
      <c r="J50" s="212">
        <v>0.62879766730785325</v>
      </c>
      <c r="K50" s="92">
        <v>0.11431029046713334</v>
      </c>
      <c r="L50" s="212">
        <v>0.12857094800137958</v>
      </c>
      <c r="M50" s="92">
        <v>8.3978666646828903E-2</v>
      </c>
      <c r="N50" s="212">
        <v>0.24263138469076725</v>
      </c>
      <c r="O50" s="92">
        <v>0.10298780958677879</v>
      </c>
      <c r="P50" s="208">
        <v>62</v>
      </c>
      <c r="Q50" s="212">
        <v>0.42307845303317548</v>
      </c>
      <c r="R50" s="92">
        <v>0.12179927480139682</v>
      </c>
      <c r="S50" s="212">
        <v>0.24860176391503955</v>
      </c>
      <c r="T50" s="92">
        <v>0.10849592074674656</v>
      </c>
      <c r="U50" s="212">
        <v>0.32831978305178511</v>
      </c>
      <c r="V50" s="92">
        <v>0.11651251975074657</v>
      </c>
      <c r="W50" s="208">
        <v>73</v>
      </c>
      <c r="X50" s="212">
        <v>0.83569203213328691</v>
      </c>
      <c r="Y50" s="92">
        <v>8.7894481980168249E-2</v>
      </c>
      <c r="Z50" s="212">
        <v>6.5581339943986447E-2</v>
      </c>
      <c r="AA50" s="92">
        <v>6.461810988948033E-2</v>
      </c>
      <c r="AB50" s="212">
        <v>9.8726627922726684E-2</v>
      </c>
      <c r="AC50" s="92">
        <v>7.3951382842733324E-2</v>
      </c>
      <c r="AD50" s="208">
        <v>71</v>
      </c>
      <c r="AE50" s="212">
        <v>0.53348276816171569</v>
      </c>
      <c r="AF50" s="92">
        <v>0.11523779446917519</v>
      </c>
      <c r="AG50" s="212">
        <v>0.20661965106205313</v>
      </c>
      <c r="AH50" s="92">
        <v>9.6017820622034011E-2</v>
      </c>
      <c r="AI50" s="212">
        <v>0.25989758077623121</v>
      </c>
      <c r="AJ50" s="92">
        <v>0.10284903976860689</v>
      </c>
      <c r="AK50" s="208">
        <v>63</v>
      </c>
      <c r="AL50" s="212">
        <v>0.58917954162796127</v>
      </c>
      <c r="AM50" s="92">
        <v>0.12043906580645826</v>
      </c>
      <c r="AN50" s="212">
        <v>0.22292377595605287</v>
      </c>
      <c r="AO50" s="92">
        <v>0.10427341994711394</v>
      </c>
      <c r="AP50" s="212">
        <v>0.18789668241598531</v>
      </c>
      <c r="AQ50" s="92">
        <v>9.8912049757462109E-2</v>
      </c>
      <c r="AR50" s="208">
        <v>74</v>
      </c>
      <c r="AS50" s="212">
        <v>0.73810417404562367</v>
      </c>
      <c r="AT50" s="92">
        <v>0.10101333618024252</v>
      </c>
      <c r="AU50" s="212">
        <v>0.10241223050897359</v>
      </c>
      <c r="AV50" s="92">
        <v>7.4324712422141004E-2</v>
      </c>
      <c r="AW50" s="212">
        <v>0.159483595445403</v>
      </c>
      <c r="AX50" s="92">
        <v>8.6420586649558859E-2</v>
      </c>
      <c r="AY50" s="208">
        <v>65</v>
      </c>
      <c r="AZ50" s="212">
        <v>0.79328306940332782</v>
      </c>
      <c r="BA50" s="92">
        <v>0.10033818897113762</v>
      </c>
      <c r="BB50" s="212">
        <v>6.5674697234940585E-2</v>
      </c>
      <c r="BC50" s="92">
        <v>6.9197768444597768E-2</v>
      </c>
      <c r="BD50" s="212">
        <v>0.14104223336173194</v>
      </c>
      <c r="BE50" s="92">
        <v>8.8679690757779706E-2</v>
      </c>
      <c r="BF50" s="208">
        <v>68</v>
      </c>
      <c r="BG50" s="212">
        <v>0.41942932261845461</v>
      </c>
      <c r="BH50" s="92">
        <v>0.11647832957997462</v>
      </c>
      <c r="BI50" s="212">
        <v>0.35028871389250149</v>
      </c>
      <c r="BJ50" s="92">
        <v>0.11304073476783363</v>
      </c>
      <c r="BK50" s="212">
        <v>0.23028196348904392</v>
      </c>
      <c r="BL50" s="92">
        <v>0.10140971394924309</v>
      </c>
      <c r="BM50" s="208">
        <v>75</v>
      </c>
      <c r="BN50" s="212">
        <v>0.60412586639160759</v>
      </c>
      <c r="BO50" s="92">
        <v>0.11028798936271177</v>
      </c>
      <c r="BP50" s="212">
        <v>9.6561604071089033E-2</v>
      </c>
      <c r="BQ50" s="92">
        <v>7.232222908038799E-2</v>
      </c>
      <c r="BR50" s="212">
        <v>0.2993125295373032</v>
      </c>
      <c r="BS50" s="92">
        <v>0.10402040038720016</v>
      </c>
      <c r="BT50" s="208">
        <v>63</v>
      </c>
      <c r="BU50" s="212">
        <v>0.74428580194006544</v>
      </c>
      <c r="BV50" s="92">
        <v>0.10851430511971727</v>
      </c>
      <c r="BW50" s="212">
        <v>0.1027804740492123</v>
      </c>
      <c r="BX50" s="92">
        <v>8.1219830391557682E-2</v>
      </c>
      <c r="BY50" s="212">
        <v>0.15293372401072211</v>
      </c>
      <c r="BZ50" s="92">
        <v>9.2558445497886846E-2</v>
      </c>
    </row>
    <row r="51" spans="1:78" ht="25.5">
      <c r="A51" s="40" t="s">
        <v>549</v>
      </c>
      <c r="B51" s="318">
        <v>36</v>
      </c>
      <c r="C51" s="319">
        <v>0.48368518203149657</v>
      </c>
      <c r="D51" s="314">
        <v>0.15804568948214634</v>
      </c>
      <c r="E51" s="319">
        <v>0.21441145025152625</v>
      </c>
      <c r="F51" s="314">
        <v>0.13562290957083042</v>
      </c>
      <c r="G51" s="319">
        <v>0.30190336771697751</v>
      </c>
      <c r="H51" s="314">
        <v>0.14772060000733858</v>
      </c>
      <c r="I51" s="318">
        <v>36</v>
      </c>
      <c r="J51" s="319">
        <v>0.67570219473739723</v>
      </c>
      <c r="K51" s="314">
        <v>0.14999809278761314</v>
      </c>
      <c r="L51" s="319">
        <v>2.1662448294307014E-2</v>
      </c>
      <c r="M51" s="314">
        <v>8.0415471875034616E-2</v>
      </c>
      <c r="N51" s="319">
        <v>0.30263535696829558</v>
      </c>
      <c r="O51" s="314">
        <v>0.14779994253097123</v>
      </c>
      <c r="P51" s="318">
        <v>33</v>
      </c>
      <c r="Q51" s="319">
        <v>0.51768569781867679</v>
      </c>
      <c r="R51" s="314">
        <v>0.16431715852780387</v>
      </c>
      <c r="S51" s="319">
        <v>7.2873872182049992E-2</v>
      </c>
      <c r="T51" s="314">
        <v>0.10648022067733207</v>
      </c>
      <c r="U51" s="319">
        <v>0.40944042999927283</v>
      </c>
      <c r="V51" s="314">
        <v>0.16223983338379028</v>
      </c>
      <c r="W51" s="318">
        <v>33</v>
      </c>
      <c r="X51" s="319">
        <v>0.71901458352802383</v>
      </c>
      <c r="Y51" s="314">
        <v>0.15133400575968955</v>
      </c>
      <c r="Z51" s="319">
        <v>8.4702471912466951E-2</v>
      </c>
      <c r="AA51" s="314">
        <v>0.11043083738118305</v>
      </c>
      <c r="AB51" s="319">
        <v>0.19628294455950893</v>
      </c>
      <c r="AC51" s="314">
        <v>0.13818222201353564</v>
      </c>
      <c r="AD51" s="318">
        <v>37</v>
      </c>
      <c r="AE51" s="319">
        <v>0.57031638023647868</v>
      </c>
      <c r="AF51" s="314">
        <v>0.15491092795444034</v>
      </c>
      <c r="AG51" s="319">
        <v>0.14222280004425991</v>
      </c>
      <c r="AH51" s="314">
        <v>0.11924706974665406</v>
      </c>
      <c r="AI51" s="319">
        <v>0.28746081971926168</v>
      </c>
      <c r="AJ51" s="314">
        <v>0.14422589316455953</v>
      </c>
      <c r="AK51" s="318">
        <v>31</v>
      </c>
      <c r="AL51" s="319">
        <v>0.48581669215561823</v>
      </c>
      <c r="AM51" s="314">
        <v>0.16897749204368581</v>
      </c>
      <c r="AN51" s="319">
        <v>7.7123690290582927E-2</v>
      </c>
      <c r="AO51" s="314">
        <v>0.1119765811608317</v>
      </c>
      <c r="AP51" s="319">
        <v>0.43705961755379868</v>
      </c>
      <c r="AQ51" s="314">
        <v>0.16797695425314041</v>
      </c>
      <c r="AR51" s="318">
        <v>37</v>
      </c>
      <c r="AS51" s="319">
        <v>0.59980259467463126</v>
      </c>
      <c r="AT51" s="314">
        <v>0.15361915517169331</v>
      </c>
      <c r="AU51" s="319">
        <v>0.19852618628640734</v>
      </c>
      <c r="AV51" s="314">
        <v>0.13103059136948877</v>
      </c>
      <c r="AW51" s="319">
        <v>0.20167121903896182</v>
      </c>
      <c r="AX51" s="314">
        <v>0.13160127833914093</v>
      </c>
      <c r="AY51" s="318">
        <v>32</v>
      </c>
      <c r="AZ51" s="319">
        <v>0.54586689078035255</v>
      </c>
      <c r="BA51" s="314">
        <v>0.16611166279742057</v>
      </c>
      <c r="BB51" s="319">
        <v>0.30501521040258789</v>
      </c>
      <c r="BC51" s="314">
        <v>0.15633306411851217</v>
      </c>
      <c r="BD51" s="319">
        <v>0.14911789881705931</v>
      </c>
      <c r="BE51" s="314">
        <v>0.13026527786748709</v>
      </c>
      <c r="BF51" s="318">
        <v>36</v>
      </c>
      <c r="BG51" s="319">
        <v>0.50634847669606731</v>
      </c>
      <c r="BH51" s="314">
        <v>0.15810355923993236</v>
      </c>
      <c r="BI51" s="319">
        <v>0.21337984212022032</v>
      </c>
      <c r="BJ51" s="314">
        <v>0.13544651967789567</v>
      </c>
      <c r="BK51" s="319">
        <v>0.2802716811837121</v>
      </c>
      <c r="BL51" s="314">
        <v>0.14522147478497657</v>
      </c>
      <c r="BM51" s="318">
        <v>38</v>
      </c>
      <c r="BN51" s="319">
        <v>0.52780548237856184</v>
      </c>
      <c r="BO51" s="314">
        <v>0.15410791153751241</v>
      </c>
      <c r="BP51" s="319">
        <v>0.26896874471646454</v>
      </c>
      <c r="BQ51" s="314">
        <v>0.14017240362522201</v>
      </c>
      <c r="BR51" s="319">
        <v>0.20322577290497398</v>
      </c>
      <c r="BS51" s="314">
        <v>0.13016559850168655</v>
      </c>
      <c r="BT51" s="318">
        <v>28</v>
      </c>
      <c r="BU51" s="319">
        <v>0.80275889688670743</v>
      </c>
      <c r="BV51" s="314">
        <v>0.14992521226380243</v>
      </c>
      <c r="BW51" s="319">
        <v>0</v>
      </c>
      <c r="BX51" s="314">
        <v>8.5581649610182206E-2</v>
      </c>
      <c r="BY51" s="319">
        <v>0.19724110311329215</v>
      </c>
      <c r="BZ51" s="314">
        <v>0.14992521226380234</v>
      </c>
    </row>
    <row r="52" spans="1:78">
      <c r="A52" s="44" t="s">
        <v>543</v>
      </c>
      <c r="B52" s="208">
        <v>36</v>
      </c>
      <c r="C52" s="212">
        <v>0.53308762037722968</v>
      </c>
      <c r="D52" s="92">
        <v>0.1578332093052649</v>
      </c>
      <c r="E52" s="212">
        <v>0.24128751532513729</v>
      </c>
      <c r="F52" s="92">
        <v>0.13992317846640731</v>
      </c>
      <c r="G52" s="212">
        <v>0.22562486429763332</v>
      </c>
      <c r="H52" s="92">
        <v>0.137485203122274</v>
      </c>
      <c r="I52" s="208">
        <v>36</v>
      </c>
      <c r="J52" s="212">
        <v>0.61991070402736748</v>
      </c>
      <c r="K52" s="92">
        <v>0.15438696599076152</v>
      </c>
      <c r="L52" s="212">
        <v>0.23519387736387962</v>
      </c>
      <c r="M52" s="92">
        <v>0.13899674496393197</v>
      </c>
      <c r="N52" s="212">
        <v>0.14489541860875318</v>
      </c>
      <c r="O52" s="92">
        <v>0.12159753138230535</v>
      </c>
      <c r="P52" s="208">
        <v>28</v>
      </c>
      <c r="Q52" s="212">
        <v>0.47582596911993347</v>
      </c>
      <c r="R52" s="92">
        <v>0.17661843801570759</v>
      </c>
      <c r="S52" s="212">
        <v>0.35599390139368375</v>
      </c>
      <c r="T52" s="92">
        <v>0.17107113112271141</v>
      </c>
      <c r="U52" s="212">
        <v>0.16818012948638322</v>
      </c>
      <c r="V52" s="92">
        <v>0.14391894354361745</v>
      </c>
      <c r="W52" s="208">
        <v>40</v>
      </c>
      <c r="X52" s="212">
        <v>0.81242675033404599</v>
      </c>
      <c r="Y52" s="92">
        <v>0.1240711623181886</v>
      </c>
      <c r="Z52" s="212">
        <v>6.308593203930328E-2</v>
      </c>
      <c r="AA52" s="92">
        <v>9.1570362405513389E-2</v>
      </c>
      <c r="AB52" s="212">
        <v>0.12448731762665094</v>
      </c>
      <c r="AC52" s="92">
        <v>0.11014989628978349</v>
      </c>
      <c r="AD52" s="208">
        <v>37</v>
      </c>
      <c r="AE52" s="212">
        <v>0.67531815226763459</v>
      </c>
      <c r="AF52" s="92">
        <v>0.14814901807827513</v>
      </c>
      <c r="AG52" s="212">
        <v>0.10452930233042944</v>
      </c>
      <c r="AH52" s="92">
        <v>0.10937999077935291</v>
      </c>
      <c r="AI52" s="212">
        <v>0.22015254540193635</v>
      </c>
      <c r="AJ52" s="92">
        <v>0.13478832173444014</v>
      </c>
      <c r="AK52" s="208">
        <v>37</v>
      </c>
      <c r="AL52" s="212">
        <v>0.65069491360936127</v>
      </c>
      <c r="AM52" s="92">
        <v>0.15028620237141974</v>
      </c>
      <c r="AN52" s="212">
        <v>0.162406515390909</v>
      </c>
      <c r="AO52" s="92">
        <v>0.12383458141626828</v>
      </c>
      <c r="AP52" s="212">
        <v>0.18689857099972992</v>
      </c>
      <c r="AQ52" s="92">
        <v>0.12884579601370863</v>
      </c>
      <c r="AR52" s="208">
        <v>35</v>
      </c>
      <c r="AS52" s="212">
        <v>0.74569452613948217</v>
      </c>
      <c r="AT52" s="92">
        <v>0.14371692845399142</v>
      </c>
      <c r="AU52" s="212">
        <v>0.11540160902829108</v>
      </c>
      <c r="AV52" s="92">
        <v>0.11585571012221924</v>
      </c>
      <c r="AW52" s="212">
        <v>0.13890386483222686</v>
      </c>
      <c r="AX52" s="92">
        <v>0.1219435369175178</v>
      </c>
      <c r="AY52" s="208">
        <v>35</v>
      </c>
      <c r="AZ52" s="212">
        <v>0.59230809501568449</v>
      </c>
      <c r="BA52" s="92">
        <v>0.1579150811420332</v>
      </c>
      <c r="BB52" s="212">
        <v>0.28023303922006643</v>
      </c>
      <c r="BC52" s="92">
        <v>0.14714430568048642</v>
      </c>
      <c r="BD52" s="212">
        <v>0.12745886576424939</v>
      </c>
      <c r="BE52" s="92">
        <v>0.11906570309054745</v>
      </c>
      <c r="BF52" s="208">
        <v>36</v>
      </c>
      <c r="BG52" s="212">
        <v>0.43997147265959924</v>
      </c>
      <c r="BH52" s="92">
        <v>0.15718817591769671</v>
      </c>
      <c r="BI52" s="212">
        <v>0.26510387608214742</v>
      </c>
      <c r="BJ52" s="92">
        <v>0.14328547968457192</v>
      </c>
      <c r="BK52" s="212">
        <v>0.29492465125825368</v>
      </c>
      <c r="BL52" s="92">
        <v>0.14694717489089248</v>
      </c>
      <c r="BM52" s="208">
        <v>35</v>
      </c>
      <c r="BN52" s="212">
        <v>0.56650241358380982</v>
      </c>
      <c r="BO52" s="92">
        <v>0.1589833406106782</v>
      </c>
      <c r="BP52" s="212">
        <v>0.14366256431933286</v>
      </c>
      <c r="BQ52" s="92">
        <v>0.12309444021664293</v>
      </c>
      <c r="BR52" s="212">
        <v>0.28983502209685769</v>
      </c>
      <c r="BS52" s="92">
        <v>0.14829852791250908</v>
      </c>
      <c r="BT52" s="208">
        <v>32</v>
      </c>
      <c r="BU52" s="212">
        <v>0.68909829443419301</v>
      </c>
      <c r="BV52" s="92">
        <v>0.15696660476213695</v>
      </c>
      <c r="BW52" s="212">
        <v>0.11841480949989654</v>
      </c>
      <c r="BX52" s="92">
        <v>0.1224528436602101</v>
      </c>
      <c r="BY52" s="212">
        <v>0.19248689606591041</v>
      </c>
      <c r="BZ52" s="92">
        <v>0.13955585150831928</v>
      </c>
    </row>
    <row r="53" spans="1:78">
      <c r="A53" s="40" t="s">
        <v>544</v>
      </c>
      <c r="B53" s="318">
        <v>57</v>
      </c>
      <c r="C53" s="319">
        <v>0.30299378394792265</v>
      </c>
      <c r="D53" s="314">
        <v>0.11904309478788046</v>
      </c>
      <c r="E53" s="319">
        <v>0.15008647241882522</v>
      </c>
      <c r="F53" s="314">
        <v>9.6866201328313292E-2</v>
      </c>
      <c r="G53" s="319">
        <v>0.54691974363325202</v>
      </c>
      <c r="H53" s="314">
        <v>0.12754370203641807</v>
      </c>
      <c r="I53" s="318">
        <v>57</v>
      </c>
      <c r="J53" s="319">
        <v>0.47818068549814668</v>
      </c>
      <c r="K53" s="314">
        <v>0.12793038769109902</v>
      </c>
      <c r="L53" s="319">
        <v>5.3970239897433263E-2</v>
      </c>
      <c r="M53" s="314">
        <v>7.0730540167183414E-2</v>
      </c>
      <c r="N53" s="319">
        <v>0.46784907460441999</v>
      </c>
      <c r="O53" s="314">
        <v>0.12780554853392773</v>
      </c>
      <c r="P53" s="318">
        <v>49</v>
      </c>
      <c r="Q53" s="319">
        <v>0.35261487399271574</v>
      </c>
      <c r="R53" s="314">
        <v>0.13216134895515674</v>
      </c>
      <c r="S53" s="319">
        <v>0.11049176836069277</v>
      </c>
      <c r="T53" s="314">
        <v>9.5292911350671528E-2</v>
      </c>
      <c r="U53" s="319">
        <v>0.53689335764659174</v>
      </c>
      <c r="V53" s="314">
        <v>0.13704057498724437</v>
      </c>
      <c r="W53" s="318">
        <v>51</v>
      </c>
      <c r="X53" s="319">
        <v>0.14679723564744809</v>
      </c>
      <c r="Y53" s="314">
        <v>0.10188540244638265</v>
      </c>
      <c r="Z53" s="319">
        <v>2.6056035973689444E-3</v>
      </c>
      <c r="AA53" s="314">
        <v>5.2067001006843625E-2</v>
      </c>
      <c r="AB53" s="319">
        <v>0.85059716075518299</v>
      </c>
      <c r="AC53" s="314">
        <v>0.10244662277919234</v>
      </c>
      <c r="AD53" s="318">
        <v>60</v>
      </c>
      <c r="AE53" s="319">
        <v>0.46222371728141098</v>
      </c>
      <c r="AF53" s="314">
        <v>0.12468604548062204</v>
      </c>
      <c r="AG53" s="319">
        <v>0.14729933944046852</v>
      </c>
      <c r="AH53" s="314">
        <v>9.3763677269487616E-2</v>
      </c>
      <c r="AI53" s="319">
        <v>0.39047694327812044</v>
      </c>
      <c r="AJ53" s="314">
        <v>0.12233592478807707</v>
      </c>
      <c r="AK53" s="318">
        <v>49</v>
      </c>
      <c r="AL53" s="319">
        <v>0.32337789192143185</v>
      </c>
      <c r="AM53" s="314">
        <v>0.12982882134280746</v>
      </c>
      <c r="AN53" s="319">
        <v>0.16349701275234452</v>
      </c>
      <c r="AO53" s="314">
        <v>0.10753243429754336</v>
      </c>
      <c r="AP53" s="319">
        <v>0.51312509532622397</v>
      </c>
      <c r="AQ53" s="314">
        <v>0.13732010623125143</v>
      </c>
      <c r="AR53" s="318">
        <v>61</v>
      </c>
      <c r="AS53" s="319">
        <v>0.54738895912985475</v>
      </c>
      <c r="AT53" s="314">
        <v>0.12354312297938055</v>
      </c>
      <c r="AU53" s="319">
        <v>0.13936681426113581</v>
      </c>
      <c r="AV53" s="314">
        <v>9.130106176406215E-2</v>
      </c>
      <c r="AW53" s="319">
        <v>0.31324422660900958</v>
      </c>
      <c r="AX53" s="314">
        <v>0.11616509263267884</v>
      </c>
      <c r="AY53" s="318">
        <v>52</v>
      </c>
      <c r="AZ53" s="319">
        <v>0.29590054496815626</v>
      </c>
      <c r="BA53" s="314">
        <v>0.12365904158599651</v>
      </c>
      <c r="BB53" s="319">
        <v>0.29926208834946966</v>
      </c>
      <c r="BC53" s="314">
        <v>0.12399747415492843</v>
      </c>
      <c r="BD53" s="319">
        <v>0.40483736668237424</v>
      </c>
      <c r="BE53" s="314">
        <v>0.13152717626236046</v>
      </c>
      <c r="BF53" s="318">
        <v>62</v>
      </c>
      <c r="BG53" s="319">
        <v>0.35920948510602602</v>
      </c>
      <c r="BH53" s="314">
        <v>0.11870714815165288</v>
      </c>
      <c r="BI53" s="319">
        <v>0.25557991115390866</v>
      </c>
      <c r="BJ53" s="314">
        <v>0.10934536342599574</v>
      </c>
      <c r="BK53" s="319">
        <v>0.38521060374006538</v>
      </c>
      <c r="BL53" s="314">
        <v>0.12019483170714532</v>
      </c>
      <c r="BM53" s="318">
        <v>67</v>
      </c>
      <c r="BN53" s="319">
        <v>0.48893139872795388</v>
      </c>
      <c r="BO53" s="314">
        <v>0.11865226779688556</v>
      </c>
      <c r="BP53" s="319">
        <v>0.20680305731630677</v>
      </c>
      <c r="BQ53" s="314">
        <v>9.8852241085769468E-2</v>
      </c>
      <c r="BR53" s="319">
        <v>0.30426554395573929</v>
      </c>
      <c r="BS53" s="314">
        <v>0.11028344123284864</v>
      </c>
      <c r="BT53" s="318">
        <v>54</v>
      </c>
      <c r="BU53" s="319">
        <v>0.36405301886957292</v>
      </c>
      <c r="BV53" s="314">
        <v>0.12702964604179479</v>
      </c>
      <c r="BW53" s="319">
        <v>0.11051594187753139</v>
      </c>
      <c r="BX53" s="314">
        <v>9.0403118506071634E-2</v>
      </c>
      <c r="BY53" s="319">
        <v>0.5254310392528958</v>
      </c>
      <c r="BZ53" s="314">
        <v>0.13115912720387521</v>
      </c>
    </row>
    <row r="54" spans="1:78">
      <c r="A54" s="44" t="s">
        <v>545</v>
      </c>
      <c r="B54" s="208">
        <v>44</v>
      </c>
      <c r="C54" s="212">
        <v>0.17471107018238918</v>
      </c>
      <c r="D54" s="92">
        <v>0.11586190836766441</v>
      </c>
      <c r="E54" s="212">
        <v>0.11893663136988226</v>
      </c>
      <c r="F54" s="92">
        <v>0.10327304412736904</v>
      </c>
      <c r="G54" s="212">
        <v>0.70635229844772884</v>
      </c>
      <c r="H54" s="92">
        <v>0.13361009947057118</v>
      </c>
      <c r="I54" s="208">
        <v>53</v>
      </c>
      <c r="J54" s="212">
        <v>0.30644949786630082</v>
      </c>
      <c r="K54" s="92">
        <v>0.12357582092023456</v>
      </c>
      <c r="L54" s="212">
        <v>0.28450486791176521</v>
      </c>
      <c r="M54" s="92">
        <v>0.12135226219654854</v>
      </c>
      <c r="N54" s="212">
        <v>0.40904563422193374</v>
      </c>
      <c r="O54" s="92">
        <v>0.13054478129847344</v>
      </c>
      <c r="P54" s="208">
        <v>50</v>
      </c>
      <c r="Q54" s="212">
        <v>0.46459829238901695</v>
      </c>
      <c r="R54" s="92">
        <v>0.13579001044100375</v>
      </c>
      <c r="S54" s="212">
        <v>0.14113493171400449</v>
      </c>
      <c r="T54" s="92">
        <v>0.10168519310564275</v>
      </c>
      <c r="U54" s="212">
        <v>0.39426677589697873</v>
      </c>
      <c r="V54" s="92">
        <v>0.13344866347480852</v>
      </c>
      <c r="W54" s="208">
        <v>50</v>
      </c>
      <c r="X54" s="212">
        <v>4.0973108502599338E-2</v>
      </c>
      <c r="Y54" s="92">
        <v>7.1675107914025635E-2</v>
      </c>
      <c r="Z54" s="212">
        <v>4.1752594328362494E-2</v>
      </c>
      <c r="AA54" s="92">
        <v>7.1991169219307927E-2</v>
      </c>
      <c r="AB54" s="212">
        <v>0.9172742971690383</v>
      </c>
      <c r="AC54" s="92">
        <v>8.637644451338386E-2</v>
      </c>
      <c r="AD54" s="208">
        <v>57</v>
      </c>
      <c r="AE54" s="212">
        <v>0.51482170092021895</v>
      </c>
      <c r="AF54" s="92">
        <v>0.12798775131579473</v>
      </c>
      <c r="AG54" s="212">
        <v>0.12357135967788604</v>
      </c>
      <c r="AH54" s="92">
        <v>9.0996522776891964E-2</v>
      </c>
      <c r="AI54" s="212">
        <v>0.36160693940189503</v>
      </c>
      <c r="AJ54" s="92">
        <v>0.12368039920806513</v>
      </c>
      <c r="AK54" s="208">
        <v>49</v>
      </c>
      <c r="AL54" s="212">
        <v>0.43283024117321017</v>
      </c>
      <c r="AM54" s="92">
        <v>0.13629699740350618</v>
      </c>
      <c r="AN54" s="212">
        <v>0.13325740372351511</v>
      </c>
      <c r="AO54" s="92">
        <v>0.10095232018410329</v>
      </c>
      <c r="AP54" s="212">
        <v>0.43391235510327464</v>
      </c>
      <c r="AQ54" s="92">
        <v>0.13633111812738785</v>
      </c>
      <c r="AR54" s="208">
        <v>58</v>
      </c>
      <c r="AS54" s="212">
        <v>0.45514864622745116</v>
      </c>
      <c r="AT54" s="92">
        <v>0.12655218224917295</v>
      </c>
      <c r="AU54" s="212">
        <v>0.25386662242130054</v>
      </c>
      <c r="AV54" s="92">
        <v>0.11273239376463742</v>
      </c>
      <c r="AW54" s="212">
        <v>0.29098473135124819</v>
      </c>
      <c r="AX54" s="92">
        <v>0.11688645103351972</v>
      </c>
      <c r="AY54" s="208">
        <v>49</v>
      </c>
      <c r="AZ54" s="212">
        <v>0.22519034894586124</v>
      </c>
      <c r="BA54" s="92">
        <v>0.11830526257666271</v>
      </c>
      <c r="BB54" s="212">
        <v>6.8604904224673607E-2</v>
      </c>
      <c r="BC54" s="92">
        <v>8.284063677956327E-2</v>
      </c>
      <c r="BD54" s="212">
        <v>0.70620474682946532</v>
      </c>
      <c r="BE54" s="92">
        <v>0.12698405200531351</v>
      </c>
      <c r="BF54" s="208">
        <v>57</v>
      </c>
      <c r="BG54" s="212">
        <v>0.45640114764022921</v>
      </c>
      <c r="BH54" s="92">
        <v>0.12761115620937355</v>
      </c>
      <c r="BI54" s="212">
        <v>0.1180905781897002</v>
      </c>
      <c r="BJ54" s="92">
        <v>8.9679403060591037E-2</v>
      </c>
      <c r="BK54" s="212">
        <v>0.42550827417007042</v>
      </c>
      <c r="BL54" s="92">
        <v>0.12679009694460155</v>
      </c>
      <c r="BM54" s="208">
        <v>61</v>
      </c>
      <c r="BN54" s="212">
        <v>0.40412147071747845</v>
      </c>
      <c r="BO54" s="92">
        <v>0.12200981129586938</v>
      </c>
      <c r="BP54" s="212">
        <v>0.13015401321871845</v>
      </c>
      <c r="BQ54" s="92">
        <v>8.9281282849282592E-2</v>
      </c>
      <c r="BR54" s="212">
        <v>0.46572451606380305</v>
      </c>
      <c r="BS54" s="92">
        <v>0.12377779944426821</v>
      </c>
      <c r="BT54" s="208">
        <v>45</v>
      </c>
      <c r="BU54" s="212">
        <v>0.11332700935363539</v>
      </c>
      <c r="BV54" s="92">
        <v>0.10056916227000635</v>
      </c>
      <c r="BW54" s="212">
        <v>8.2147484296469578E-2</v>
      </c>
      <c r="BX54" s="92">
        <v>9.15811208975396E-2</v>
      </c>
      <c r="BY54" s="212">
        <v>0.80452550634989495</v>
      </c>
      <c r="BZ54" s="92">
        <v>0.11842047915846744</v>
      </c>
    </row>
  </sheetData>
  <mergeCells count="16">
    <mergeCell ref="A3:D3"/>
    <mergeCell ref="A4:D4"/>
    <mergeCell ref="A5:D5"/>
    <mergeCell ref="A32:BZ32"/>
    <mergeCell ref="A33:BZ33"/>
    <mergeCell ref="B34:H34"/>
    <mergeCell ref="I34:O34"/>
    <mergeCell ref="P34:V34"/>
    <mergeCell ref="W34:AC34"/>
    <mergeCell ref="AD34:AJ34"/>
    <mergeCell ref="BT34:BZ34"/>
    <mergeCell ref="AK34:AQ34"/>
    <mergeCell ref="AR34:AX34"/>
    <mergeCell ref="AY34:BE34"/>
    <mergeCell ref="BF34:BL34"/>
    <mergeCell ref="BM34:B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291"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293" t="s">
        <v>359</v>
      </c>
      <c r="F1" s="324"/>
      <c r="G1" s="324"/>
      <c r="H1" s="324"/>
      <c r="I1" s="324"/>
      <c r="J1" s="324"/>
      <c r="K1" s="324"/>
      <c r="L1" s="324"/>
      <c r="M1" s="324"/>
      <c r="N1" s="324"/>
    </row>
    <row r="2" spans="1:14" ht="21">
      <c r="A2" s="294"/>
      <c r="B2" s="12"/>
      <c r="C2" s="12"/>
      <c r="D2" s="12"/>
      <c r="E2" s="12"/>
      <c r="F2" s="325"/>
      <c r="G2" s="325"/>
      <c r="H2" s="325"/>
      <c r="I2" s="325"/>
      <c r="J2" s="325"/>
      <c r="K2" s="325"/>
      <c r="L2" s="325"/>
      <c r="M2" s="325"/>
      <c r="N2" s="325"/>
    </row>
    <row r="3" spans="1:14" s="11" customFormat="1" ht="21">
      <c r="A3" s="295" t="s">
        <v>151</v>
      </c>
      <c r="B3" s="10"/>
      <c r="C3" s="10"/>
      <c r="D3" s="10"/>
      <c r="E3" s="10"/>
      <c r="F3" s="19"/>
      <c r="G3" s="19"/>
      <c r="H3" s="19"/>
      <c r="I3" s="19"/>
      <c r="J3" s="19"/>
      <c r="K3" s="19"/>
      <c r="L3" s="19"/>
      <c r="M3" s="19"/>
      <c r="N3" s="19"/>
    </row>
    <row r="4" spans="1:14" s="11" customFormat="1" ht="31.5">
      <c r="A4" s="294" t="s">
        <v>459</v>
      </c>
      <c r="B4" s="10"/>
      <c r="C4" s="10"/>
      <c r="D4" s="10"/>
      <c r="E4" s="10"/>
      <c r="F4" s="19"/>
      <c r="G4" s="19"/>
      <c r="H4" s="19"/>
      <c r="I4" s="19"/>
      <c r="J4" s="19"/>
      <c r="K4" s="19"/>
      <c r="L4" s="19"/>
      <c r="M4" s="19"/>
      <c r="N4" s="19"/>
    </row>
    <row r="5" spans="1:14" ht="18.75" customHeight="1">
      <c r="A5" s="294"/>
      <c r="B5" s="12"/>
      <c r="C5" s="12"/>
      <c r="D5" s="12"/>
      <c r="E5" s="12"/>
      <c r="F5" s="19"/>
      <c r="G5" s="19"/>
      <c r="H5" s="19"/>
      <c r="I5" s="19"/>
      <c r="J5" s="19"/>
      <c r="K5" s="19"/>
      <c r="L5" s="19"/>
      <c r="M5" s="19"/>
      <c r="N5" s="19"/>
    </row>
    <row r="6" spans="1:14">
      <c r="A6" s="296" t="s">
        <v>152</v>
      </c>
      <c r="B6" s="12"/>
      <c r="C6" s="12"/>
      <c r="D6" s="12"/>
      <c r="E6" s="12"/>
    </row>
    <row r="7" spans="1:14" ht="51" customHeight="1">
      <c r="A7" s="297" t="s">
        <v>222</v>
      </c>
      <c r="B7" s="12"/>
      <c r="C7" s="12"/>
      <c r="D7" s="12"/>
      <c r="E7" s="12"/>
      <c r="F7" s="12"/>
      <c r="G7" s="12"/>
    </row>
    <row r="8" spans="1:14">
      <c r="A8" s="218"/>
      <c r="B8" s="12"/>
      <c r="C8" s="12"/>
      <c r="D8" s="12"/>
      <c r="E8" s="12"/>
      <c r="F8" s="12"/>
      <c r="G8" s="12"/>
    </row>
    <row r="9" spans="1:14">
      <c r="A9" s="295" t="s">
        <v>153</v>
      </c>
      <c r="B9" s="12"/>
      <c r="C9" s="12"/>
      <c r="D9" s="12"/>
      <c r="E9" s="12"/>
      <c r="F9" s="12"/>
      <c r="G9" s="12"/>
    </row>
    <row r="10" spans="1:14" ht="30">
      <c r="A10" s="294" t="s">
        <v>608</v>
      </c>
      <c r="B10" s="12"/>
      <c r="C10" s="12"/>
      <c r="D10" s="12"/>
      <c r="E10" s="12"/>
      <c r="F10" s="12"/>
      <c r="G10" s="12"/>
    </row>
    <row r="11" spans="1:14">
      <c r="A11" s="220"/>
      <c r="B11" s="13"/>
      <c r="C11" s="13"/>
      <c r="D11" s="13"/>
      <c r="E11" s="13"/>
    </row>
    <row r="12" spans="1:14">
      <c r="A12" s="295" t="s">
        <v>154</v>
      </c>
    </row>
    <row r="13" spans="1:14" ht="135">
      <c r="A13" s="294" t="s">
        <v>460</v>
      </c>
    </row>
    <row r="14" spans="1:14">
      <c r="A14" s="218"/>
    </row>
    <row r="15" spans="1:14">
      <c r="A15" s="296" t="s">
        <v>2</v>
      </c>
    </row>
    <row r="16" spans="1:14" ht="45">
      <c r="A16" s="297"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56"/>
  <sheetViews>
    <sheetView workbookViewId="0"/>
  </sheetViews>
  <sheetFormatPr defaultColWidth="8.85546875" defaultRowHeight="15"/>
  <cols>
    <col min="1" max="1" width="135.85546875" style="307" customWidth="1"/>
    <col min="2" max="7" width="8.85546875" style="2"/>
    <col min="8" max="8" width="19.42578125" style="2" customWidth="1"/>
    <col min="9" max="10" width="8.85546875" style="2"/>
    <col min="11" max="11" width="9.140625" style="2" customWidth="1"/>
    <col min="12" max="16384" width="8.85546875" style="2"/>
  </cols>
  <sheetData>
    <row r="1" spans="1:14" ht="23.25">
      <c r="A1" s="293" t="s">
        <v>550</v>
      </c>
      <c r="B1" s="8"/>
      <c r="C1" s="8"/>
      <c r="D1" s="8"/>
      <c r="E1" s="8"/>
      <c r="F1" s="8"/>
      <c r="G1" s="8"/>
      <c r="N1" s="7"/>
    </row>
    <row r="2" spans="1:14" ht="90">
      <c r="A2" s="301" t="s">
        <v>605</v>
      </c>
      <c r="B2" s="6"/>
      <c r="C2" s="6"/>
      <c r="D2" s="6"/>
    </row>
    <row r="3" spans="1:14" s="16" customFormat="1">
      <c r="A3" s="294"/>
      <c r="B3" s="12"/>
      <c r="C3" s="12"/>
      <c r="D3" s="12"/>
    </row>
    <row r="4" spans="1:14" s="219" customFormat="1">
      <c r="A4" s="295" t="s">
        <v>350</v>
      </c>
      <c r="B4" s="12"/>
      <c r="C4" s="12"/>
      <c r="D4" s="12"/>
    </row>
    <row r="5" spans="1:14" s="219" customFormat="1" ht="30">
      <c r="A5" s="294" t="s">
        <v>553</v>
      </c>
      <c r="B5" s="12"/>
      <c r="C5" s="12"/>
      <c r="D5" s="12"/>
    </row>
    <row r="6" spans="1:14" s="219" customFormat="1">
      <c r="A6" s="294"/>
      <c r="B6" s="12"/>
      <c r="C6" s="12"/>
      <c r="D6" s="12"/>
    </row>
    <row r="7" spans="1:14" s="17" customFormat="1">
      <c r="A7" s="296" t="s">
        <v>351</v>
      </c>
      <c r="B7" s="12"/>
      <c r="C7" s="12"/>
      <c r="D7" s="12"/>
    </row>
    <row r="8" spans="1:14" s="17" customFormat="1" ht="30">
      <c r="A8" s="299" t="s">
        <v>554</v>
      </c>
      <c r="B8" s="12"/>
      <c r="C8" s="12"/>
      <c r="D8" s="12"/>
    </row>
    <row r="9" spans="1:14" s="219" customFormat="1">
      <c r="A9" s="299"/>
      <c r="B9" s="12"/>
      <c r="C9" s="12"/>
      <c r="D9" s="12"/>
    </row>
    <row r="10" spans="1:14" s="219" customFormat="1">
      <c r="A10" s="300" t="s">
        <v>352</v>
      </c>
      <c r="B10" s="12"/>
      <c r="C10" s="12"/>
      <c r="D10" s="12"/>
    </row>
    <row r="11" spans="1:14" s="219" customFormat="1" ht="30">
      <c r="A11" s="299" t="s">
        <v>606</v>
      </c>
      <c r="B11" s="12"/>
      <c r="C11" s="12"/>
      <c r="D11" s="12"/>
    </row>
    <row r="12" spans="1:14" s="219" customFormat="1">
      <c r="A12" s="302"/>
      <c r="B12" s="12"/>
      <c r="C12" s="12"/>
      <c r="D12" s="12"/>
    </row>
    <row r="13" spans="1:14" s="219" customFormat="1">
      <c r="A13" s="303" t="s">
        <v>534</v>
      </c>
      <c r="B13" s="12"/>
      <c r="C13" s="12"/>
      <c r="D13" s="12"/>
    </row>
    <row r="14" spans="1:14" s="219" customFormat="1" ht="30">
      <c r="A14" s="302" t="s">
        <v>607</v>
      </c>
      <c r="B14" s="12"/>
      <c r="C14" s="12"/>
      <c r="D14" s="12"/>
    </row>
    <row r="15" spans="1:14" s="219" customFormat="1">
      <c r="A15" s="302"/>
      <c r="B15" s="12"/>
      <c r="C15" s="12"/>
      <c r="D15" s="12"/>
    </row>
    <row r="16" spans="1:14" s="219" customFormat="1">
      <c r="A16" s="303" t="s">
        <v>535</v>
      </c>
      <c r="B16" s="12"/>
      <c r="C16" s="12"/>
      <c r="D16" s="12"/>
    </row>
    <row r="17" spans="1:4" s="219" customFormat="1" ht="45">
      <c r="A17" s="302" t="s">
        <v>555</v>
      </c>
      <c r="B17" s="12"/>
      <c r="C17" s="12"/>
      <c r="D17" s="12"/>
    </row>
    <row r="18" spans="1:4" s="17" customFormat="1">
      <c r="A18" s="294"/>
      <c r="B18" s="12"/>
      <c r="C18" s="12"/>
      <c r="D18" s="12"/>
    </row>
    <row r="19" spans="1:4">
      <c r="A19" s="304" t="s">
        <v>536</v>
      </c>
    </row>
    <row r="20" spans="1:4" ht="45">
      <c r="A20" s="302" t="s">
        <v>556</v>
      </c>
    </row>
    <row r="21" spans="1:4" s="16" customFormat="1">
      <c r="A21" s="305"/>
    </row>
    <row r="22" spans="1:4">
      <c r="A22" s="306" t="s">
        <v>537</v>
      </c>
    </row>
    <row r="23" spans="1:4" ht="30">
      <c r="A23" s="301" t="s">
        <v>551</v>
      </c>
    </row>
    <row r="24" spans="1:4">
      <c r="A24" s="297"/>
    </row>
    <row r="25" spans="1:4" s="219" customFormat="1">
      <c r="A25" s="306" t="s">
        <v>546</v>
      </c>
    </row>
    <row r="26" spans="1:4" s="219" customFormat="1" ht="30">
      <c r="A26" s="301" t="s">
        <v>557</v>
      </c>
    </row>
    <row r="27" spans="1:4" s="219" customFormat="1">
      <c r="A27" s="297"/>
    </row>
    <row r="28" spans="1:4" s="219" customFormat="1">
      <c r="A28" s="296" t="s">
        <v>547</v>
      </c>
    </row>
    <row r="29" spans="1:4" s="219" customFormat="1" ht="30">
      <c r="A29" s="301" t="s">
        <v>558</v>
      </c>
    </row>
    <row r="30" spans="1:4" s="219" customFormat="1">
      <c r="A30" s="301"/>
    </row>
    <row r="31" spans="1:4" s="219" customFormat="1">
      <c r="A31" s="306" t="s">
        <v>548</v>
      </c>
    </row>
    <row r="32" spans="1:4" s="219" customFormat="1" ht="45">
      <c r="A32" s="301" t="s">
        <v>559</v>
      </c>
    </row>
    <row r="33" spans="1:1" s="219" customFormat="1">
      <c r="A33" s="297"/>
    </row>
    <row r="34" spans="1:1" s="18" customFormat="1">
      <c r="A34" s="296" t="s">
        <v>538</v>
      </c>
    </row>
    <row r="35" spans="1:1" s="18" customFormat="1" ht="45">
      <c r="A35" s="301" t="s">
        <v>560</v>
      </c>
    </row>
    <row r="36" spans="1:1" s="18" customFormat="1">
      <c r="A36" s="297"/>
    </row>
    <row r="37" spans="1:1" s="18" customFormat="1">
      <c r="A37" s="296" t="s">
        <v>539</v>
      </c>
    </row>
    <row r="38" spans="1:1" s="18" customFormat="1" ht="30">
      <c r="A38" s="301" t="s">
        <v>561</v>
      </c>
    </row>
    <row r="39" spans="1:1">
      <c r="A39" s="297"/>
    </row>
    <row r="40" spans="1:1">
      <c r="A40" s="296" t="s">
        <v>540</v>
      </c>
    </row>
    <row r="41" spans="1:1" ht="45">
      <c r="A41" s="301" t="s">
        <v>562</v>
      </c>
    </row>
    <row r="42" spans="1:1" s="219" customFormat="1">
      <c r="A42" s="301"/>
    </row>
    <row r="43" spans="1:1">
      <c r="A43" s="296" t="s">
        <v>541</v>
      </c>
    </row>
    <row r="44" spans="1:1" ht="30">
      <c r="A44" s="301" t="s">
        <v>563</v>
      </c>
    </row>
    <row r="45" spans="1:1">
      <c r="A45" s="301"/>
    </row>
    <row r="46" spans="1:1">
      <c r="A46" s="296" t="s">
        <v>542</v>
      </c>
    </row>
    <row r="47" spans="1:1" ht="30">
      <c r="A47" s="301" t="s">
        <v>564</v>
      </c>
    </row>
    <row r="48" spans="1:1">
      <c r="A48" s="301"/>
    </row>
    <row r="49" spans="1:1">
      <c r="A49" s="296" t="s">
        <v>543</v>
      </c>
    </row>
    <row r="50" spans="1:1" ht="30">
      <c r="A50" s="301" t="s">
        <v>565</v>
      </c>
    </row>
    <row r="51" spans="1:1" s="219" customFormat="1">
      <c r="A51" s="301"/>
    </row>
    <row r="52" spans="1:1" s="219" customFormat="1">
      <c r="A52" s="296" t="s">
        <v>544</v>
      </c>
    </row>
    <row r="53" spans="1:1" s="219" customFormat="1" ht="60">
      <c r="A53" s="301" t="s">
        <v>552</v>
      </c>
    </row>
    <row r="54" spans="1:1" s="219" customFormat="1">
      <c r="A54" s="301"/>
    </row>
    <row r="55" spans="1:1" s="219" customFormat="1">
      <c r="A55" s="296" t="s">
        <v>545</v>
      </c>
    </row>
    <row r="56" spans="1:1" s="219" customFormat="1" ht="60">
      <c r="A56" s="301" t="s">
        <v>566</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19" customWidth="1"/>
    <col min="3" max="3" width="36.140625" style="219" customWidth="1"/>
    <col min="4" max="4" width="26.85546875" style="219" customWidth="1"/>
    <col min="5" max="5" width="8.85546875" style="219"/>
    <col min="6" max="6" width="23.42578125" style="219" customWidth="1"/>
    <col min="7" max="16384" width="8.85546875" style="219"/>
  </cols>
  <sheetData>
    <row r="1" spans="1:9" ht="21">
      <c r="A1" s="329" t="s">
        <v>0</v>
      </c>
      <c r="B1" s="329"/>
      <c r="C1" s="329"/>
      <c r="D1" s="329"/>
      <c r="E1" s="321"/>
      <c r="F1" s="321"/>
      <c r="G1" s="321"/>
      <c r="H1" s="321"/>
      <c r="I1" s="321"/>
    </row>
    <row r="2" spans="1:9" ht="21">
      <c r="A2" s="322"/>
      <c r="B2" s="322"/>
      <c r="C2" s="322"/>
      <c r="D2" s="322"/>
      <c r="E2" s="321"/>
      <c r="F2" s="321"/>
      <c r="G2" s="321"/>
      <c r="H2" s="321"/>
      <c r="I2" s="321"/>
    </row>
    <row r="3" spans="1:9" ht="21">
      <c r="A3" s="322" t="s">
        <v>5</v>
      </c>
      <c r="B3" s="322"/>
      <c r="C3" s="322"/>
      <c r="D3" s="322"/>
      <c r="E3" s="321"/>
      <c r="F3" s="321"/>
      <c r="G3" s="321"/>
      <c r="H3" s="321"/>
      <c r="I3" s="321"/>
    </row>
    <row r="4" spans="1:9" ht="21">
      <c r="A4" s="21"/>
      <c r="B4" s="321"/>
      <c r="C4" s="321"/>
      <c r="D4" s="321"/>
      <c r="E4" s="323"/>
      <c r="F4" s="321"/>
      <c r="G4" s="321"/>
      <c r="H4" s="321"/>
      <c r="I4" s="321"/>
    </row>
    <row r="5" spans="1:9" ht="18.75">
      <c r="A5" s="331" t="s">
        <v>59</v>
      </c>
      <c r="B5" s="331"/>
      <c r="C5" s="24"/>
      <c r="D5" s="321"/>
      <c r="E5" s="321"/>
      <c r="F5" s="321"/>
      <c r="G5" s="321"/>
      <c r="H5" s="321"/>
      <c r="I5" s="321"/>
    </row>
    <row r="6" spans="1:9" ht="18.75">
      <c r="A6" s="29"/>
      <c r="B6" s="24"/>
      <c r="C6" s="24"/>
      <c r="D6" s="321"/>
      <c r="E6" s="321"/>
      <c r="F6" s="321"/>
      <c r="G6" s="321"/>
      <c r="H6" s="321"/>
      <c r="I6" s="321"/>
    </row>
    <row r="7" spans="1:9" ht="18.75">
      <c r="A7" s="22">
        <v>1</v>
      </c>
      <c r="B7" s="226" t="s">
        <v>6</v>
      </c>
      <c r="C7" s="321"/>
      <c r="D7" s="321"/>
      <c r="E7" s="24"/>
      <c r="F7" s="24"/>
      <c r="G7" s="321"/>
      <c r="H7" s="321"/>
      <c r="I7" s="321"/>
    </row>
    <row r="8" spans="1:9">
      <c r="A8" s="22"/>
      <c r="B8" s="327" t="s">
        <v>8</v>
      </c>
      <c r="C8" s="327"/>
      <c r="D8" s="327"/>
      <c r="E8" s="327"/>
      <c r="F8" s="327"/>
      <c r="G8" s="321"/>
      <c r="H8" s="321"/>
      <c r="I8" s="321"/>
    </row>
    <row r="9" spans="1:9" ht="18.75">
      <c r="A9" s="29"/>
      <c r="B9" s="24"/>
      <c r="C9" s="24"/>
      <c r="D9" s="321"/>
      <c r="E9" s="321"/>
      <c r="F9" s="321"/>
      <c r="G9" s="321"/>
      <c r="H9" s="321"/>
      <c r="I9" s="321"/>
    </row>
    <row r="10" spans="1:9" ht="18.75">
      <c r="A10" s="22">
        <v>1</v>
      </c>
      <c r="B10" s="23" t="s">
        <v>7</v>
      </c>
      <c r="C10" s="321"/>
      <c r="D10" s="321"/>
      <c r="E10" s="24"/>
      <c r="F10" s="24"/>
      <c r="G10" s="321"/>
      <c r="H10" s="321"/>
      <c r="I10" s="321"/>
    </row>
    <row r="11" spans="1:9">
      <c r="A11" s="22"/>
      <c r="B11" s="327" t="s">
        <v>9</v>
      </c>
      <c r="C11" s="327"/>
      <c r="D11" s="327"/>
      <c r="E11" s="25"/>
      <c r="F11" s="25"/>
      <c r="G11" s="321"/>
      <c r="H11" s="321"/>
      <c r="I11" s="321"/>
    </row>
    <row r="12" spans="1:9" ht="18.75">
      <c r="A12" s="29"/>
      <c r="B12" s="24"/>
      <c r="C12" s="24"/>
      <c r="D12" s="321"/>
      <c r="E12" s="321"/>
      <c r="F12" s="321"/>
      <c r="G12" s="321"/>
      <c r="H12" s="321"/>
      <c r="I12" s="321"/>
    </row>
    <row r="13" spans="1:9" ht="18.75">
      <c r="A13" s="22">
        <v>1</v>
      </c>
      <c r="B13" s="23" t="s">
        <v>54</v>
      </c>
      <c r="C13" s="24"/>
      <c r="D13" s="321"/>
      <c r="E13" s="321"/>
      <c r="F13" s="321"/>
      <c r="G13" s="321"/>
      <c r="H13" s="321"/>
      <c r="I13" s="321"/>
    </row>
    <row r="14" spans="1:9" ht="18.75">
      <c r="A14" s="29"/>
      <c r="B14" s="321" t="s">
        <v>55</v>
      </c>
      <c r="C14" s="24"/>
      <c r="D14" s="321"/>
      <c r="E14" s="321"/>
      <c r="F14" s="321"/>
      <c r="G14" s="321"/>
      <c r="H14" s="321"/>
      <c r="I14" s="321"/>
    </row>
    <row r="15" spans="1:9" ht="18.75">
      <c r="A15" s="29"/>
      <c r="B15" s="321"/>
      <c r="C15" s="24"/>
      <c r="D15" s="321"/>
      <c r="E15" s="321"/>
      <c r="F15" s="321"/>
      <c r="G15" s="321"/>
      <c r="H15" s="321"/>
      <c r="I15" s="321"/>
    </row>
    <row r="16" spans="1:9" ht="18.75">
      <c r="A16" s="22">
        <v>1</v>
      </c>
      <c r="B16" s="23" t="s">
        <v>514</v>
      </c>
      <c r="C16" s="24"/>
      <c r="D16" s="321"/>
      <c r="E16" s="321"/>
      <c r="F16" s="321"/>
      <c r="G16" s="321"/>
      <c r="H16" s="321"/>
      <c r="I16" s="321"/>
    </row>
    <row r="17" spans="1:9" ht="18.75">
      <c r="A17" s="29"/>
      <c r="B17" s="321" t="s">
        <v>56</v>
      </c>
      <c r="C17" s="24"/>
      <c r="D17" s="321"/>
      <c r="E17" s="321"/>
      <c r="F17" s="321"/>
      <c r="G17" s="321"/>
      <c r="H17" s="321"/>
      <c r="I17" s="321"/>
    </row>
    <row r="18" spans="1:9" ht="18.75">
      <c r="A18" s="29"/>
      <c r="B18" s="321"/>
      <c r="C18" s="24"/>
      <c r="D18" s="321"/>
      <c r="E18" s="321"/>
      <c r="F18" s="321"/>
      <c r="G18" s="321"/>
      <c r="H18" s="321"/>
      <c r="I18" s="321"/>
    </row>
    <row r="19" spans="1:9" ht="18.75">
      <c r="A19" s="22">
        <v>1</v>
      </c>
      <c r="B19" s="23" t="s">
        <v>492</v>
      </c>
      <c r="C19" s="24"/>
      <c r="D19" s="321"/>
      <c r="E19" s="321"/>
      <c r="F19" s="321"/>
      <c r="G19" s="321"/>
      <c r="H19" s="321"/>
      <c r="I19" s="321"/>
    </row>
    <row r="20" spans="1:9" ht="18.75">
      <c r="A20" s="29"/>
      <c r="B20" s="321" t="s">
        <v>493</v>
      </c>
      <c r="C20" s="24"/>
      <c r="D20" s="321"/>
      <c r="E20" s="321"/>
      <c r="F20" s="321"/>
      <c r="G20" s="321"/>
      <c r="H20" s="321"/>
      <c r="I20" s="321"/>
    </row>
    <row r="21" spans="1:9" ht="18.75">
      <c r="A21" s="29"/>
      <c r="B21" s="321"/>
      <c r="C21" s="24"/>
      <c r="D21" s="321"/>
      <c r="E21" s="321"/>
      <c r="F21" s="321"/>
      <c r="G21" s="321"/>
      <c r="H21" s="321"/>
      <c r="I21" s="321"/>
    </row>
    <row r="22" spans="1:9" ht="18.75">
      <c r="A22" s="22">
        <v>1</v>
      </c>
      <c r="B22" s="23" t="s">
        <v>494</v>
      </c>
      <c r="C22" s="24"/>
      <c r="D22" s="321"/>
      <c r="E22" s="321"/>
      <c r="F22" s="321"/>
      <c r="G22" s="321"/>
      <c r="H22" s="321"/>
      <c r="I22" s="321"/>
    </row>
    <row r="23" spans="1:9" ht="18.75">
      <c r="A23" s="29"/>
      <c r="B23" s="321" t="s">
        <v>495</v>
      </c>
      <c r="C23" s="24"/>
      <c r="D23" s="321"/>
      <c r="E23" s="321"/>
      <c r="F23" s="321"/>
      <c r="G23" s="321"/>
      <c r="H23" s="321"/>
      <c r="I23" s="321"/>
    </row>
    <row r="24" spans="1:9" ht="18.75">
      <c r="A24" s="29"/>
      <c r="B24" s="321"/>
      <c r="C24" s="24"/>
      <c r="D24" s="321"/>
      <c r="E24" s="321"/>
      <c r="F24" s="321"/>
      <c r="G24" s="321"/>
      <c r="H24" s="321"/>
      <c r="I24" s="321"/>
    </row>
    <row r="25" spans="1:9" ht="18.75">
      <c r="A25" s="332" t="s">
        <v>60</v>
      </c>
      <c r="B25" s="332"/>
      <c r="C25" s="24"/>
      <c r="D25" s="321"/>
      <c r="E25" s="321"/>
      <c r="F25" s="321"/>
      <c r="G25" s="321"/>
      <c r="H25" s="321"/>
      <c r="I25" s="321"/>
    </row>
    <row r="26" spans="1:9" ht="18.75">
      <c r="A26" s="29"/>
      <c r="B26" s="321"/>
      <c r="C26" s="24"/>
      <c r="D26" s="321"/>
      <c r="E26" s="321"/>
      <c r="F26" s="321"/>
      <c r="G26" s="321"/>
      <c r="H26" s="321"/>
      <c r="I26" s="321"/>
    </row>
    <row r="27" spans="1:9" s="15" customFormat="1" ht="18.75">
      <c r="A27" s="22">
        <v>2</v>
      </c>
      <c r="B27" s="23" t="s">
        <v>496</v>
      </c>
      <c r="C27" s="321"/>
      <c r="D27" s="321"/>
      <c r="E27" s="24"/>
      <c r="F27" s="24"/>
      <c r="G27" s="24"/>
      <c r="H27" s="24"/>
      <c r="I27" s="24"/>
    </row>
    <row r="28" spans="1:9">
      <c r="A28" s="22"/>
      <c r="B28" s="326" t="s">
        <v>498</v>
      </c>
      <c r="C28" s="327"/>
      <c r="D28" s="327"/>
      <c r="E28" s="327"/>
      <c r="F28" s="327"/>
      <c r="G28" s="327"/>
      <c r="H28" s="321"/>
      <c r="I28" s="321"/>
    </row>
    <row r="29" spans="1:9">
      <c r="A29" s="22"/>
      <c r="B29" s="321"/>
      <c r="C29" s="321"/>
      <c r="D29" s="321"/>
      <c r="E29" s="321"/>
      <c r="F29" s="321"/>
      <c r="G29" s="321"/>
      <c r="H29" s="321"/>
      <c r="I29" s="321"/>
    </row>
    <row r="30" spans="1:9" s="15" customFormat="1" ht="18.75">
      <c r="A30" s="22">
        <v>2</v>
      </c>
      <c r="B30" s="23" t="s">
        <v>497</v>
      </c>
      <c r="C30" s="321"/>
      <c r="D30" s="321"/>
      <c r="E30" s="24"/>
      <c r="F30" s="24"/>
      <c r="G30" s="24"/>
      <c r="H30" s="24"/>
      <c r="I30" s="24"/>
    </row>
    <row r="31" spans="1:9">
      <c r="A31" s="22"/>
      <c r="B31" s="326" t="s">
        <v>57</v>
      </c>
      <c r="C31" s="327"/>
      <c r="D31" s="327"/>
      <c r="E31" s="327"/>
      <c r="F31" s="327"/>
      <c r="G31" s="327"/>
      <c r="H31" s="321"/>
      <c r="I31" s="321"/>
    </row>
    <row r="32" spans="1:9">
      <c r="A32" s="22"/>
      <c r="B32" s="321"/>
      <c r="C32" s="321"/>
      <c r="D32" s="321"/>
      <c r="E32" s="321"/>
      <c r="F32" s="321"/>
      <c r="G32" s="321"/>
      <c r="H32" s="321"/>
      <c r="I32" s="321"/>
    </row>
    <row r="33" spans="1:9">
      <c r="A33" s="22">
        <v>2</v>
      </c>
      <c r="B33" s="23" t="s">
        <v>339</v>
      </c>
      <c r="C33" s="321"/>
      <c r="D33" s="321"/>
      <c r="E33" s="321"/>
      <c r="F33" s="321"/>
      <c r="G33" s="321"/>
      <c r="H33" s="321"/>
      <c r="I33" s="321"/>
    </row>
    <row r="34" spans="1:9">
      <c r="A34" s="22"/>
      <c r="B34" s="321" t="s">
        <v>58</v>
      </c>
      <c r="C34" s="321"/>
      <c r="D34" s="321"/>
      <c r="E34" s="321"/>
      <c r="F34" s="321"/>
      <c r="G34" s="321"/>
      <c r="H34" s="321"/>
      <c r="I34" s="321"/>
    </row>
    <row r="35" spans="1:9">
      <c r="A35" s="22"/>
      <c r="B35" s="321"/>
      <c r="C35" s="321"/>
      <c r="D35" s="321"/>
      <c r="E35" s="321"/>
      <c r="F35" s="321"/>
      <c r="G35" s="321"/>
      <c r="H35" s="321"/>
      <c r="I35" s="321"/>
    </row>
    <row r="36" spans="1:9">
      <c r="A36" s="22">
        <v>2</v>
      </c>
      <c r="B36" s="23" t="s">
        <v>227</v>
      </c>
      <c r="C36" s="321"/>
      <c r="D36" s="321"/>
      <c r="E36" s="321"/>
      <c r="F36" s="321"/>
      <c r="G36" s="321"/>
      <c r="H36" s="321"/>
      <c r="I36" s="321"/>
    </row>
    <row r="37" spans="1:9">
      <c r="A37" s="22"/>
      <c r="B37" s="321" t="s">
        <v>461</v>
      </c>
      <c r="C37" s="321"/>
      <c r="D37" s="321"/>
      <c r="E37" s="321"/>
      <c r="F37" s="321"/>
      <c r="G37" s="321"/>
      <c r="H37" s="321"/>
      <c r="I37" s="321"/>
    </row>
    <row r="38" spans="1:9">
      <c r="A38" s="22"/>
      <c r="B38" s="321"/>
      <c r="C38" s="321"/>
      <c r="D38" s="321"/>
      <c r="E38" s="321"/>
      <c r="F38" s="321"/>
      <c r="G38" s="321"/>
      <c r="H38" s="321"/>
      <c r="I38" s="321"/>
    </row>
    <row r="39" spans="1:9">
      <c r="A39" s="22">
        <v>2</v>
      </c>
      <c r="B39" s="23" t="s">
        <v>499</v>
      </c>
      <c r="C39" s="321"/>
      <c r="D39" s="321"/>
      <c r="E39" s="321"/>
      <c r="F39" s="321"/>
      <c r="G39" s="321"/>
      <c r="H39" s="321"/>
      <c r="I39" s="321"/>
    </row>
    <row r="40" spans="1:9">
      <c r="A40" s="22"/>
      <c r="B40" s="321" t="s">
        <v>500</v>
      </c>
      <c r="C40" s="321"/>
      <c r="D40" s="321"/>
      <c r="E40" s="321"/>
      <c r="F40" s="321"/>
      <c r="G40" s="321"/>
      <c r="H40" s="321"/>
      <c r="I40" s="321"/>
    </row>
    <row r="41" spans="1:9">
      <c r="A41" s="22"/>
      <c r="B41" s="321"/>
      <c r="C41" s="321"/>
      <c r="D41" s="321"/>
      <c r="E41" s="321"/>
      <c r="F41" s="321"/>
      <c r="G41" s="321"/>
      <c r="H41" s="321"/>
      <c r="I41" s="321"/>
    </row>
    <row r="42" spans="1:9" s="15" customFormat="1" ht="18.75">
      <c r="A42" s="330" t="s">
        <v>18</v>
      </c>
      <c r="B42" s="330"/>
      <c r="C42" s="330"/>
      <c r="D42" s="24"/>
      <c r="E42" s="24"/>
      <c r="F42" s="24"/>
      <c r="G42" s="24"/>
      <c r="H42" s="24"/>
      <c r="I42" s="24"/>
    </row>
    <row r="43" spans="1:9" s="15" customFormat="1" ht="18.75">
      <c r="A43" s="29"/>
      <c r="B43" s="29"/>
      <c r="C43" s="29"/>
      <c r="D43" s="24"/>
      <c r="E43" s="24"/>
      <c r="F43" s="24"/>
      <c r="G43" s="24"/>
      <c r="H43" s="24"/>
      <c r="I43" s="24"/>
    </row>
    <row r="44" spans="1:9" s="15" customFormat="1" ht="18.75">
      <c r="A44" s="332" t="s">
        <v>41</v>
      </c>
      <c r="B44" s="332"/>
      <c r="C44" s="29"/>
      <c r="D44" s="24"/>
      <c r="E44" s="24"/>
      <c r="F44" s="24"/>
      <c r="G44" s="24"/>
      <c r="H44" s="24"/>
      <c r="I44" s="24"/>
    </row>
    <row r="45" spans="1:9" s="15" customFormat="1" ht="18.75">
      <c r="A45" s="29"/>
      <c r="B45" s="29"/>
      <c r="C45" s="29"/>
      <c r="D45" s="24"/>
      <c r="E45" s="24"/>
      <c r="F45" s="24"/>
      <c r="G45" s="24"/>
      <c r="H45" s="24"/>
      <c r="I45" s="24"/>
    </row>
    <row r="46" spans="1:9">
      <c r="A46" s="22">
        <v>3</v>
      </c>
      <c r="B46" s="227" t="s">
        <v>1</v>
      </c>
      <c r="C46" s="321"/>
      <c r="D46" s="321"/>
      <c r="E46" s="321"/>
      <c r="F46" s="321"/>
      <c r="G46" s="321"/>
      <c r="H46" s="321"/>
      <c r="I46" s="321"/>
    </row>
    <row r="47" spans="1:9">
      <c r="A47" s="21"/>
      <c r="B47" s="326" t="s">
        <v>20</v>
      </c>
      <c r="C47" s="327"/>
      <c r="D47" s="327"/>
      <c r="E47" s="327"/>
      <c r="F47" s="23"/>
      <c r="G47" s="321"/>
      <c r="H47" s="321"/>
      <c r="I47" s="321"/>
    </row>
    <row r="48" spans="1:9">
      <c r="A48" s="21"/>
      <c r="B48" s="320"/>
      <c r="C48" s="321"/>
      <c r="D48" s="321"/>
      <c r="E48" s="321"/>
      <c r="F48" s="23"/>
      <c r="G48" s="321"/>
      <c r="H48" s="321"/>
      <c r="I48" s="321"/>
    </row>
    <row r="49" spans="1:9">
      <c r="A49" s="21">
        <v>3</v>
      </c>
      <c r="B49" s="27" t="s">
        <v>34</v>
      </c>
      <c r="C49" s="321"/>
      <c r="D49" s="321"/>
      <c r="E49" s="321"/>
      <c r="F49" s="23"/>
      <c r="G49" s="321"/>
      <c r="H49" s="321"/>
      <c r="I49" s="321"/>
    </row>
    <row r="50" spans="1:9">
      <c r="A50" s="21"/>
      <c r="B50" s="320" t="s">
        <v>515</v>
      </c>
      <c r="C50" s="321"/>
      <c r="D50" s="321"/>
      <c r="E50" s="321"/>
      <c r="F50" s="23"/>
      <c r="G50" s="321"/>
      <c r="H50" s="321"/>
      <c r="I50" s="321"/>
    </row>
    <row r="51" spans="1:9">
      <c r="A51" s="21"/>
      <c r="B51" s="320"/>
      <c r="C51" s="321"/>
      <c r="D51" s="321"/>
      <c r="E51" s="321"/>
      <c r="F51" s="23"/>
      <c r="G51" s="321"/>
      <c r="H51" s="321"/>
      <c r="I51" s="321"/>
    </row>
    <row r="52" spans="1:9">
      <c r="A52" s="21">
        <v>3</v>
      </c>
      <c r="B52" s="27" t="s">
        <v>35</v>
      </c>
      <c r="C52" s="321"/>
      <c r="D52" s="321"/>
      <c r="E52" s="321"/>
      <c r="F52" s="23"/>
      <c r="G52" s="321"/>
      <c r="H52" s="321"/>
      <c r="I52" s="321"/>
    </row>
    <row r="53" spans="1:9">
      <c r="A53" s="21"/>
      <c r="B53" s="320" t="s">
        <v>516</v>
      </c>
      <c r="C53" s="321"/>
      <c r="D53" s="321"/>
      <c r="E53" s="321"/>
      <c r="F53" s="23"/>
      <c r="G53" s="321"/>
      <c r="H53" s="321"/>
      <c r="I53" s="321"/>
    </row>
    <row r="54" spans="1:9">
      <c r="A54" s="21"/>
      <c r="B54" s="320"/>
      <c r="C54" s="321"/>
      <c r="D54" s="321"/>
      <c r="E54" s="321"/>
      <c r="F54" s="23"/>
      <c r="G54" s="321"/>
      <c r="H54" s="321"/>
      <c r="I54" s="321"/>
    </row>
    <row r="55" spans="1:9">
      <c r="A55" s="22">
        <v>3</v>
      </c>
      <c r="B55" s="27" t="s">
        <v>10</v>
      </c>
      <c r="C55" s="321"/>
      <c r="D55" s="321"/>
      <c r="E55" s="321"/>
      <c r="F55" s="321"/>
      <c r="G55" s="321"/>
      <c r="H55" s="321"/>
      <c r="I55" s="321"/>
    </row>
    <row r="56" spans="1:9">
      <c r="A56" s="21"/>
      <c r="B56" s="326" t="s">
        <v>21</v>
      </c>
      <c r="C56" s="327"/>
      <c r="D56" s="321"/>
      <c r="E56" s="321"/>
      <c r="F56" s="321"/>
      <c r="G56" s="321"/>
      <c r="H56" s="321"/>
      <c r="I56" s="321"/>
    </row>
    <row r="57" spans="1:9">
      <c r="A57" s="21"/>
      <c r="B57" s="320"/>
      <c r="C57" s="321"/>
      <c r="D57" s="321"/>
      <c r="E57" s="321"/>
      <c r="F57" s="321"/>
      <c r="G57" s="321"/>
      <c r="H57" s="321"/>
      <c r="I57" s="321"/>
    </row>
    <row r="58" spans="1:9">
      <c r="A58" s="21">
        <v>3</v>
      </c>
      <c r="B58" s="27" t="s">
        <v>36</v>
      </c>
      <c r="C58" s="321"/>
      <c r="D58" s="321"/>
      <c r="E58" s="321"/>
      <c r="F58" s="321"/>
      <c r="G58" s="321"/>
      <c r="H58" s="321"/>
      <c r="I58" s="321"/>
    </row>
    <row r="59" spans="1:9">
      <c r="A59" s="21"/>
      <c r="B59" s="320" t="s">
        <v>517</v>
      </c>
      <c r="C59" s="321"/>
      <c r="D59" s="321"/>
      <c r="E59" s="321"/>
      <c r="F59" s="321"/>
      <c r="G59" s="321"/>
      <c r="H59" s="321"/>
      <c r="I59" s="321"/>
    </row>
    <row r="60" spans="1:9" ht="21">
      <c r="A60" s="26"/>
      <c r="B60" s="321"/>
      <c r="C60" s="321"/>
      <c r="D60" s="321"/>
      <c r="E60" s="321"/>
      <c r="F60" s="321"/>
      <c r="G60" s="321"/>
      <c r="H60" s="321"/>
      <c r="I60" s="321"/>
    </row>
    <row r="61" spans="1:9" s="15" customFormat="1" ht="18.75">
      <c r="A61" s="332" t="s">
        <v>40</v>
      </c>
      <c r="B61" s="332"/>
      <c r="C61" s="29"/>
      <c r="D61" s="24"/>
      <c r="E61" s="24"/>
      <c r="F61" s="24"/>
      <c r="G61" s="24"/>
      <c r="H61" s="24"/>
      <c r="I61" s="24"/>
    </row>
    <row r="62" spans="1:9" s="15" customFormat="1" ht="18.75">
      <c r="A62" s="29"/>
      <c r="B62" s="29"/>
      <c r="C62" s="29"/>
      <c r="D62" s="24"/>
      <c r="E62" s="24"/>
      <c r="F62" s="24"/>
      <c r="G62" s="24"/>
      <c r="H62" s="24"/>
      <c r="I62" s="24"/>
    </row>
    <row r="63" spans="1:9">
      <c r="A63" s="22">
        <v>4</v>
      </c>
      <c r="B63" s="226" t="s">
        <v>3</v>
      </c>
      <c r="C63" s="321"/>
      <c r="D63" s="321"/>
      <c r="E63" s="321"/>
      <c r="F63" s="321"/>
      <c r="G63" s="321"/>
      <c r="H63" s="321"/>
      <c r="I63" s="321"/>
    </row>
    <row r="64" spans="1:9">
      <c r="A64" s="21"/>
      <c r="B64" s="326" t="s">
        <v>19</v>
      </c>
      <c r="C64" s="327"/>
      <c r="D64" s="327"/>
      <c r="E64" s="321"/>
      <c r="F64" s="321"/>
      <c r="G64" s="321"/>
      <c r="H64" s="321"/>
      <c r="I64" s="321"/>
    </row>
    <row r="65" spans="1:9">
      <c r="A65" s="21"/>
      <c r="B65" s="326" t="s">
        <v>31</v>
      </c>
      <c r="C65" s="327"/>
      <c r="D65" s="327"/>
      <c r="E65" s="321"/>
      <c r="F65" s="321"/>
      <c r="G65" s="321"/>
      <c r="H65" s="321"/>
      <c r="I65" s="321"/>
    </row>
    <row r="66" spans="1:9" ht="21">
      <c r="A66" s="26"/>
      <c r="B66" s="321"/>
      <c r="C66" s="321"/>
      <c r="D66" s="321"/>
      <c r="E66" s="321"/>
      <c r="F66" s="321"/>
      <c r="G66" s="321"/>
      <c r="H66" s="321"/>
      <c r="I66" s="321"/>
    </row>
    <row r="67" spans="1:9">
      <c r="A67" s="22">
        <v>4</v>
      </c>
      <c r="B67" s="27" t="s">
        <v>205</v>
      </c>
      <c r="C67" s="321"/>
      <c r="D67" s="321"/>
      <c r="E67" s="321"/>
      <c r="F67" s="321"/>
      <c r="G67" s="321"/>
      <c r="H67" s="321"/>
      <c r="I67" s="321"/>
    </row>
    <row r="68" spans="1:9">
      <c r="A68" s="21"/>
      <c r="B68" s="326" t="s">
        <v>215</v>
      </c>
      <c r="C68" s="327"/>
      <c r="D68" s="321"/>
      <c r="E68" s="321"/>
      <c r="F68" s="321"/>
      <c r="G68" s="321"/>
      <c r="H68" s="321"/>
      <c r="I68" s="321"/>
    </row>
    <row r="69" spans="1:9">
      <c r="A69" s="21"/>
      <c r="B69" s="326" t="s">
        <v>216</v>
      </c>
      <c r="C69" s="327"/>
      <c r="D69" s="327"/>
      <c r="E69" s="327"/>
      <c r="F69" s="321"/>
      <c r="G69" s="321"/>
      <c r="H69" s="321"/>
      <c r="I69" s="321"/>
    </row>
    <row r="70" spans="1:9" ht="21">
      <c r="A70" s="26"/>
      <c r="B70" s="321"/>
      <c r="C70" s="321"/>
      <c r="D70" s="321"/>
      <c r="E70" s="321"/>
      <c r="F70" s="321"/>
      <c r="G70" s="321"/>
      <c r="H70" s="321"/>
      <c r="I70" s="321"/>
    </row>
    <row r="71" spans="1:9">
      <c r="A71" s="22">
        <v>4</v>
      </c>
      <c r="B71" s="27" t="s">
        <v>37</v>
      </c>
      <c r="C71" s="321"/>
      <c r="D71" s="321"/>
      <c r="E71" s="321"/>
      <c r="F71" s="321"/>
      <c r="G71" s="321"/>
      <c r="H71" s="321"/>
      <c r="I71" s="321"/>
    </row>
    <row r="72" spans="1:9">
      <c r="A72" s="21"/>
      <c r="B72" s="326" t="s">
        <v>61</v>
      </c>
      <c r="C72" s="327"/>
      <c r="D72" s="327"/>
      <c r="E72" s="327"/>
      <c r="F72" s="23"/>
      <c r="G72" s="321"/>
      <c r="H72" s="321"/>
      <c r="I72" s="321"/>
    </row>
    <row r="73" spans="1:9">
      <c r="A73" s="21"/>
      <c r="B73" s="326"/>
      <c r="C73" s="327"/>
      <c r="D73" s="327"/>
      <c r="E73" s="327"/>
      <c r="F73" s="321"/>
      <c r="G73" s="23"/>
      <c r="H73" s="321"/>
      <c r="I73" s="321"/>
    </row>
    <row r="74" spans="1:9">
      <c r="A74" s="21">
        <v>4</v>
      </c>
      <c r="B74" s="27" t="s">
        <v>38</v>
      </c>
      <c r="C74" s="321"/>
      <c r="D74" s="321"/>
      <c r="E74" s="321"/>
      <c r="F74" s="321"/>
      <c r="G74" s="23"/>
      <c r="H74" s="321"/>
      <c r="I74" s="321"/>
    </row>
    <row r="75" spans="1:9">
      <c r="A75" s="21"/>
      <c r="B75" s="320" t="s">
        <v>518</v>
      </c>
      <c r="C75" s="321"/>
      <c r="D75" s="321"/>
      <c r="E75" s="321"/>
      <c r="F75" s="321"/>
      <c r="G75" s="23"/>
      <c r="H75" s="321"/>
      <c r="I75" s="321"/>
    </row>
    <row r="76" spans="1:9">
      <c r="A76" s="21"/>
      <c r="B76" s="320"/>
      <c r="C76" s="321"/>
      <c r="D76" s="321"/>
      <c r="E76" s="321"/>
      <c r="F76" s="321"/>
      <c r="G76" s="23"/>
      <c r="H76" s="321"/>
      <c r="I76" s="321"/>
    </row>
    <row r="77" spans="1:9">
      <c r="A77" s="22">
        <v>4</v>
      </c>
      <c r="B77" s="27" t="s">
        <v>4</v>
      </c>
      <c r="C77" s="321"/>
      <c r="D77" s="321"/>
      <c r="E77" s="321"/>
      <c r="F77" s="321"/>
      <c r="G77" s="321"/>
      <c r="H77" s="321"/>
      <c r="I77" s="321"/>
    </row>
    <row r="78" spans="1:9">
      <c r="A78" s="21"/>
      <c r="B78" s="326" t="s">
        <v>22</v>
      </c>
      <c r="C78" s="327"/>
      <c r="D78" s="327"/>
      <c r="E78" s="321"/>
      <c r="F78" s="321"/>
      <c r="G78" s="321"/>
      <c r="H78" s="321"/>
      <c r="I78" s="321"/>
    </row>
    <row r="79" spans="1:9">
      <c r="A79" s="21"/>
      <c r="B79" s="320"/>
      <c r="C79" s="321"/>
      <c r="D79" s="321"/>
      <c r="E79" s="321"/>
      <c r="F79" s="321"/>
      <c r="G79" s="321"/>
      <c r="H79" s="321"/>
      <c r="I79" s="321"/>
    </row>
    <row r="80" spans="1:9">
      <c r="A80" s="22">
        <v>4</v>
      </c>
      <c r="B80" s="27" t="s">
        <v>501</v>
      </c>
      <c r="C80" s="321"/>
      <c r="D80" s="321"/>
      <c r="E80" s="321"/>
      <c r="F80" s="321"/>
      <c r="G80" s="321"/>
      <c r="H80" s="321"/>
      <c r="I80" s="321"/>
    </row>
    <row r="81" spans="1:9">
      <c r="A81" s="21"/>
      <c r="B81" s="326" t="s">
        <v>502</v>
      </c>
      <c r="C81" s="327"/>
      <c r="D81" s="327"/>
      <c r="E81" s="321"/>
      <c r="F81" s="321"/>
      <c r="G81" s="321"/>
      <c r="H81" s="321"/>
      <c r="I81" s="321"/>
    </row>
    <row r="82" spans="1:9">
      <c r="A82" s="21"/>
      <c r="B82" s="320"/>
      <c r="C82" s="321"/>
      <c r="D82" s="321"/>
      <c r="E82" s="321"/>
      <c r="F82" s="321"/>
      <c r="G82" s="321"/>
      <c r="H82" s="321"/>
      <c r="I82" s="321"/>
    </row>
    <row r="83" spans="1:9">
      <c r="A83" s="328" t="s">
        <v>62</v>
      </c>
      <c r="B83" s="328"/>
      <c r="C83" s="321"/>
      <c r="D83" s="321"/>
      <c r="E83" s="321"/>
      <c r="F83" s="321"/>
      <c r="G83" s="321"/>
      <c r="H83" s="321"/>
      <c r="I83" s="321"/>
    </row>
    <row r="84" spans="1:9">
      <c r="A84" s="21"/>
      <c r="B84" s="320"/>
      <c r="C84" s="321"/>
      <c r="D84" s="321"/>
      <c r="E84" s="321"/>
      <c r="F84" s="321"/>
      <c r="G84" s="321"/>
      <c r="H84" s="321"/>
      <c r="I84" s="321"/>
    </row>
    <row r="85" spans="1:9">
      <c r="A85" s="22">
        <v>5</v>
      </c>
      <c r="B85" s="227" t="s">
        <v>11</v>
      </c>
      <c r="C85" s="321"/>
      <c r="D85" s="321"/>
      <c r="E85" s="321"/>
      <c r="F85" s="321"/>
      <c r="G85" s="321"/>
      <c r="H85" s="321"/>
      <c r="I85" s="321"/>
    </row>
    <row r="86" spans="1:9">
      <c r="A86" s="21"/>
      <c r="B86" s="326" t="s">
        <v>23</v>
      </c>
      <c r="C86" s="327"/>
      <c r="D86" s="327"/>
      <c r="E86" s="321"/>
      <c r="F86" s="321"/>
      <c r="G86" s="321"/>
      <c r="H86" s="321"/>
      <c r="I86" s="321"/>
    </row>
    <row r="87" spans="1:9">
      <c r="A87" s="21"/>
      <c r="B87" s="320"/>
      <c r="C87" s="321"/>
      <c r="D87" s="321"/>
      <c r="E87" s="321"/>
      <c r="F87" s="321"/>
      <c r="G87" s="321"/>
      <c r="H87" s="321"/>
      <c r="I87" s="321"/>
    </row>
    <row r="88" spans="1:9">
      <c r="A88" s="21">
        <v>5</v>
      </c>
      <c r="B88" s="27" t="s">
        <v>42</v>
      </c>
      <c r="C88" s="321"/>
      <c r="D88" s="321"/>
      <c r="E88" s="321"/>
      <c r="F88" s="321"/>
      <c r="G88" s="321"/>
      <c r="H88" s="321"/>
      <c r="I88" s="321"/>
    </row>
    <row r="89" spans="1:9">
      <c r="A89" s="21"/>
      <c r="B89" s="320" t="s">
        <v>519</v>
      </c>
      <c r="C89" s="321"/>
      <c r="D89" s="321"/>
      <c r="E89" s="321"/>
      <c r="F89" s="321"/>
      <c r="G89" s="321"/>
      <c r="H89" s="321"/>
      <c r="I89" s="321"/>
    </row>
    <row r="90" spans="1:9">
      <c r="A90" s="21"/>
      <c r="B90" s="321"/>
      <c r="C90" s="321"/>
      <c r="D90" s="321"/>
      <c r="E90" s="321"/>
      <c r="F90" s="321"/>
      <c r="G90" s="321"/>
      <c r="H90" s="321"/>
      <c r="I90" s="321"/>
    </row>
    <row r="91" spans="1:9">
      <c r="A91" s="22">
        <v>5</v>
      </c>
      <c r="B91" s="27" t="s">
        <v>231</v>
      </c>
      <c r="C91" s="321"/>
      <c r="D91" s="321"/>
      <c r="E91" s="321"/>
      <c r="F91" s="321"/>
      <c r="G91" s="321"/>
      <c r="H91" s="321"/>
      <c r="I91" s="321"/>
    </row>
    <row r="92" spans="1:9">
      <c r="A92" s="21"/>
      <c r="B92" s="326" t="s">
        <v>63</v>
      </c>
      <c r="C92" s="327"/>
      <c r="D92" s="327"/>
      <c r="E92" s="321"/>
      <c r="F92" s="321"/>
      <c r="G92" s="321"/>
      <c r="H92" s="321"/>
      <c r="I92" s="321"/>
    </row>
    <row r="93" spans="1:9">
      <c r="A93" s="21"/>
      <c r="B93" s="326"/>
      <c r="C93" s="327"/>
      <c r="D93" s="327"/>
      <c r="E93" s="321"/>
      <c r="F93" s="321"/>
      <c r="G93" s="321"/>
      <c r="H93" s="321"/>
      <c r="I93" s="321"/>
    </row>
    <row r="94" spans="1:9">
      <c r="A94" s="21">
        <v>5</v>
      </c>
      <c r="B94" s="27" t="s">
        <v>43</v>
      </c>
      <c r="C94" s="321"/>
      <c r="D94" s="321"/>
      <c r="E94" s="321"/>
      <c r="F94" s="321"/>
      <c r="G94" s="321"/>
      <c r="H94" s="321"/>
      <c r="I94" s="321"/>
    </row>
    <row r="95" spans="1:9">
      <c r="A95" s="21"/>
      <c r="B95" s="326" t="s">
        <v>63</v>
      </c>
      <c r="C95" s="327"/>
      <c r="D95" s="327"/>
      <c r="E95" s="321"/>
      <c r="F95" s="321"/>
      <c r="G95" s="321"/>
      <c r="H95" s="321"/>
      <c r="I95" s="321"/>
    </row>
    <row r="96" spans="1:9">
      <c r="A96" s="21"/>
      <c r="B96" s="320"/>
      <c r="C96" s="321"/>
      <c r="D96" s="321"/>
      <c r="E96" s="321"/>
      <c r="F96" s="321"/>
      <c r="G96" s="321"/>
      <c r="H96" s="321"/>
      <c r="I96" s="321"/>
    </row>
    <row r="97" spans="1:9">
      <c r="A97" s="21">
        <v>5</v>
      </c>
      <c r="B97" s="27" t="s">
        <v>503</v>
      </c>
      <c r="C97" s="321"/>
      <c r="D97" s="321"/>
      <c r="E97" s="321"/>
      <c r="F97" s="321"/>
      <c r="G97" s="321"/>
      <c r="H97" s="321"/>
      <c r="I97" s="321"/>
    </row>
    <row r="98" spans="1:9">
      <c r="A98" s="21"/>
      <c r="B98" s="326" t="s">
        <v>504</v>
      </c>
      <c r="C98" s="327"/>
      <c r="D98" s="327"/>
      <c r="E98" s="321"/>
      <c r="F98" s="321"/>
      <c r="G98" s="321"/>
      <c r="H98" s="321"/>
      <c r="I98" s="321"/>
    </row>
    <row r="99" spans="1:9">
      <c r="A99" s="21"/>
      <c r="B99" s="320"/>
      <c r="C99" s="321"/>
      <c r="D99" s="321"/>
      <c r="E99" s="321"/>
      <c r="F99" s="321"/>
      <c r="G99" s="321"/>
      <c r="H99" s="321"/>
      <c r="I99" s="321"/>
    </row>
    <row r="100" spans="1:9">
      <c r="A100" s="328" t="s">
        <v>44</v>
      </c>
      <c r="B100" s="328"/>
      <c r="C100" s="321"/>
      <c r="D100" s="321"/>
      <c r="E100" s="321"/>
      <c r="F100" s="321"/>
      <c r="G100" s="321"/>
      <c r="H100" s="321"/>
      <c r="I100" s="321"/>
    </row>
    <row r="101" spans="1:9">
      <c r="A101" s="21"/>
      <c r="B101" s="320"/>
      <c r="C101" s="321"/>
      <c r="D101" s="321"/>
      <c r="E101" s="321"/>
      <c r="F101" s="321"/>
      <c r="G101" s="321"/>
      <c r="H101" s="321"/>
      <c r="I101" s="321"/>
    </row>
    <row r="102" spans="1:9">
      <c r="A102" s="22">
        <v>6</v>
      </c>
      <c r="B102" s="227" t="s">
        <v>12</v>
      </c>
      <c r="C102" s="321"/>
      <c r="D102" s="321"/>
      <c r="E102" s="321"/>
      <c r="F102" s="321"/>
      <c r="G102" s="321"/>
      <c r="H102" s="321"/>
      <c r="I102" s="321"/>
    </row>
    <row r="103" spans="1:9">
      <c r="A103" s="21"/>
      <c r="B103" s="326" t="s">
        <v>24</v>
      </c>
      <c r="C103" s="327"/>
      <c r="D103" s="327"/>
      <c r="E103" s="321"/>
      <c r="F103" s="321"/>
      <c r="G103" s="321"/>
      <c r="H103" s="321"/>
      <c r="I103" s="321"/>
    </row>
    <row r="104" spans="1:9">
      <c r="A104" s="21"/>
      <c r="B104" s="326"/>
      <c r="C104" s="327"/>
      <c r="D104" s="327"/>
      <c r="E104" s="321"/>
      <c r="F104" s="321"/>
      <c r="G104" s="321"/>
      <c r="H104" s="321"/>
      <c r="I104" s="321"/>
    </row>
    <row r="105" spans="1:9">
      <c r="A105" s="21">
        <v>6</v>
      </c>
      <c r="B105" s="27" t="s">
        <v>45</v>
      </c>
      <c r="C105" s="321"/>
      <c r="D105" s="321"/>
      <c r="E105" s="321"/>
      <c r="F105" s="321"/>
      <c r="G105" s="321"/>
      <c r="H105" s="321"/>
      <c r="I105" s="321"/>
    </row>
    <row r="106" spans="1:9">
      <c r="A106" s="21"/>
      <c r="B106" s="320" t="s">
        <v>521</v>
      </c>
      <c r="C106" s="321"/>
      <c r="D106" s="321"/>
      <c r="E106" s="321"/>
      <c r="F106" s="321"/>
      <c r="G106" s="321"/>
      <c r="H106" s="321"/>
      <c r="I106" s="321"/>
    </row>
    <row r="107" spans="1:9">
      <c r="A107" s="21"/>
      <c r="B107" s="321"/>
      <c r="C107" s="321"/>
      <c r="D107" s="321"/>
      <c r="E107" s="321"/>
      <c r="F107" s="321"/>
      <c r="G107" s="321"/>
      <c r="H107" s="321"/>
      <c r="I107" s="321"/>
    </row>
    <row r="108" spans="1:9">
      <c r="A108" s="22">
        <v>6</v>
      </c>
      <c r="B108" s="27" t="s">
        <v>233</v>
      </c>
      <c r="C108" s="321"/>
      <c r="D108" s="321"/>
      <c r="E108" s="321"/>
      <c r="F108" s="321"/>
      <c r="G108" s="321"/>
      <c r="H108" s="321"/>
      <c r="I108" s="321"/>
    </row>
    <row r="109" spans="1:9">
      <c r="A109" s="21"/>
      <c r="B109" s="326" t="s">
        <v>25</v>
      </c>
      <c r="C109" s="327"/>
      <c r="D109" s="327"/>
      <c r="E109" s="321"/>
      <c r="F109" s="321"/>
      <c r="G109" s="321"/>
      <c r="H109" s="321"/>
      <c r="I109" s="321"/>
    </row>
    <row r="110" spans="1:9">
      <c r="A110" s="21"/>
      <c r="B110" s="326"/>
      <c r="C110" s="327"/>
      <c r="D110" s="327"/>
      <c r="E110" s="321"/>
      <c r="F110" s="321"/>
      <c r="G110" s="321"/>
      <c r="H110" s="321"/>
      <c r="I110" s="321"/>
    </row>
    <row r="111" spans="1:9">
      <c r="A111" s="21">
        <v>6</v>
      </c>
      <c r="B111" s="27" t="s">
        <v>46</v>
      </c>
      <c r="C111" s="321"/>
      <c r="D111" s="321"/>
      <c r="E111" s="321"/>
      <c r="F111" s="321"/>
      <c r="G111" s="321"/>
      <c r="H111" s="321"/>
      <c r="I111" s="321"/>
    </row>
    <row r="112" spans="1:9">
      <c r="A112" s="21"/>
      <c r="B112" s="320" t="s">
        <v>520</v>
      </c>
      <c r="C112" s="321"/>
      <c r="D112" s="321"/>
      <c r="E112" s="321"/>
      <c r="F112" s="321"/>
      <c r="G112" s="321"/>
      <c r="H112" s="321"/>
      <c r="I112" s="321"/>
    </row>
    <row r="113" spans="1:9">
      <c r="A113" s="21"/>
      <c r="B113" s="320"/>
      <c r="C113" s="321"/>
      <c r="D113" s="321"/>
      <c r="E113" s="321"/>
      <c r="F113" s="321"/>
      <c r="G113" s="321"/>
      <c r="H113" s="321"/>
      <c r="I113" s="321"/>
    </row>
    <row r="114" spans="1:9">
      <c r="A114" s="21">
        <v>6</v>
      </c>
      <c r="B114" s="27" t="s">
        <v>462</v>
      </c>
      <c r="C114" s="321"/>
      <c r="D114" s="321"/>
      <c r="E114" s="321"/>
      <c r="F114" s="321"/>
      <c r="G114" s="321"/>
      <c r="H114" s="321"/>
      <c r="I114" s="321"/>
    </row>
    <row r="115" spans="1:9">
      <c r="A115" s="21"/>
      <c r="B115" s="320" t="s">
        <v>506</v>
      </c>
      <c r="C115" s="321"/>
      <c r="D115" s="321"/>
      <c r="E115" s="321"/>
      <c r="F115" s="321"/>
      <c r="G115" s="321"/>
      <c r="H115" s="321"/>
      <c r="I115" s="321"/>
    </row>
    <row r="116" spans="1:9">
      <c r="A116" s="21"/>
      <c r="B116" s="320"/>
      <c r="C116" s="321"/>
      <c r="D116" s="321"/>
      <c r="E116" s="321"/>
      <c r="F116" s="321"/>
      <c r="G116" s="321"/>
      <c r="H116" s="321"/>
      <c r="I116" s="321"/>
    </row>
    <row r="117" spans="1:9">
      <c r="A117" s="21">
        <v>6</v>
      </c>
      <c r="B117" s="23" t="s">
        <v>30</v>
      </c>
      <c r="C117" s="321"/>
      <c r="D117" s="321"/>
      <c r="E117" s="321"/>
      <c r="F117" s="321"/>
      <c r="G117" s="321"/>
      <c r="H117" s="321"/>
      <c r="I117" s="321"/>
    </row>
    <row r="118" spans="1:9">
      <c r="A118" s="22"/>
      <c r="B118" s="321" t="s">
        <v>64</v>
      </c>
      <c r="C118" s="321"/>
      <c r="D118" s="321"/>
      <c r="E118" s="321"/>
      <c r="F118" s="321"/>
      <c r="G118" s="321"/>
      <c r="H118" s="321"/>
      <c r="I118" s="321"/>
    </row>
    <row r="119" spans="1:9">
      <c r="A119" s="21"/>
      <c r="B119" s="326"/>
      <c r="C119" s="327"/>
      <c r="D119" s="327"/>
      <c r="E119" s="321"/>
      <c r="F119" s="321"/>
      <c r="G119" s="321"/>
      <c r="H119" s="321"/>
      <c r="I119" s="321"/>
    </row>
    <row r="120" spans="1:9">
      <c r="A120" s="21">
        <v>6</v>
      </c>
      <c r="B120" s="27" t="s">
        <v>13</v>
      </c>
      <c r="C120" s="321"/>
      <c r="D120" s="321"/>
      <c r="E120" s="321"/>
      <c r="F120" s="321"/>
      <c r="G120" s="321"/>
      <c r="H120" s="321"/>
      <c r="I120" s="321"/>
    </row>
    <row r="121" spans="1:9">
      <c r="A121" s="28"/>
      <c r="B121" s="326" t="s">
        <v>14</v>
      </c>
      <c r="C121" s="327"/>
      <c r="D121" s="327"/>
      <c r="E121" s="321"/>
      <c r="F121" s="321"/>
      <c r="G121" s="321"/>
      <c r="H121" s="321"/>
      <c r="I121" s="321"/>
    </row>
    <row r="122" spans="1:9">
      <c r="A122" s="28"/>
      <c r="B122" s="320"/>
      <c r="C122" s="321"/>
      <c r="D122" s="321"/>
      <c r="E122" s="321"/>
      <c r="F122" s="321"/>
      <c r="G122" s="321"/>
      <c r="H122" s="321"/>
      <c r="I122" s="321"/>
    </row>
    <row r="123" spans="1:9">
      <c r="A123" s="21">
        <v>6</v>
      </c>
      <c r="B123" s="27" t="s">
        <v>400</v>
      </c>
      <c r="C123" s="321"/>
      <c r="D123" s="321"/>
      <c r="E123" s="321"/>
      <c r="F123" s="321"/>
      <c r="G123" s="321"/>
      <c r="H123" s="321"/>
      <c r="I123" s="321"/>
    </row>
    <row r="124" spans="1:9">
      <c r="A124" s="28"/>
      <c r="B124" s="326" t="s">
        <v>505</v>
      </c>
      <c r="C124" s="327"/>
      <c r="D124" s="327"/>
      <c r="E124" s="321"/>
      <c r="F124" s="321"/>
      <c r="G124" s="321"/>
      <c r="H124" s="321"/>
      <c r="I124" s="321"/>
    </row>
    <row r="125" spans="1:9">
      <c r="A125" s="28"/>
      <c r="B125" s="320"/>
      <c r="C125" s="321"/>
      <c r="D125" s="321"/>
      <c r="E125" s="321"/>
      <c r="F125" s="321"/>
      <c r="G125" s="321"/>
      <c r="H125" s="321"/>
      <c r="I125" s="321"/>
    </row>
    <row r="126" spans="1:9">
      <c r="A126" s="328" t="s">
        <v>47</v>
      </c>
      <c r="B126" s="328"/>
      <c r="C126" s="321"/>
      <c r="D126" s="321"/>
      <c r="E126" s="321"/>
      <c r="F126" s="321"/>
      <c r="G126" s="321"/>
      <c r="H126" s="321"/>
      <c r="I126" s="321"/>
    </row>
    <row r="127" spans="1:9">
      <c r="A127" s="28"/>
      <c r="B127" s="27"/>
      <c r="C127" s="321"/>
      <c r="D127" s="321"/>
      <c r="E127" s="321"/>
      <c r="F127" s="321"/>
      <c r="G127" s="321"/>
      <c r="H127" s="321"/>
      <c r="I127" s="321"/>
    </row>
    <row r="128" spans="1:9">
      <c r="A128" s="22">
        <v>7</v>
      </c>
      <c r="B128" s="227" t="s">
        <v>236</v>
      </c>
      <c r="C128" s="321"/>
      <c r="D128" s="321"/>
      <c r="E128" s="321"/>
      <c r="F128" s="321"/>
      <c r="G128" s="321"/>
      <c r="H128" s="321"/>
      <c r="I128" s="321"/>
    </row>
    <row r="129" spans="1:9">
      <c r="A129" s="28"/>
      <c r="B129" s="326" t="s">
        <v>340</v>
      </c>
      <c r="C129" s="327"/>
      <c r="D129" s="327"/>
      <c r="E129" s="321"/>
      <c r="F129" s="321"/>
      <c r="G129" s="321"/>
      <c r="H129" s="321"/>
      <c r="I129" s="321"/>
    </row>
    <row r="130" spans="1:9">
      <c r="A130" s="28"/>
      <c r="B130" s="326"/>
      <c r="C130" s="327"/>
      <c r="D130" s="327"/>
      <c r="E130" s="321"/>
      <c r="F130" s="321"/>
      <c r="G130" s="321"/>
      <c r="H130" s="321"/>
      <c r="I130" s="321"/>
    </row>
    <row r="131" spans="1:9">
      <c r="A131" s="22">
        <v>7</v>
      </c>
      <c r="B131" s="27" t="s">
        <v>507</v>
      </c>
      <c r="C131" s="321"/>
      <c r="D131" s="321"/>
      <c r="E131" s="321"/>
      <c r="F131" s="321"/>
      <c r="G131" s="321"/>
      <c r="H131" s="321"/>
      <c r="I131" s="321"/>
    </row>
    <row r="132" spans="1:9">
      <c r="A132" s="28"/>
      <c r="B132" s="326" t="s">
        <v>508</v>
      </c>
      <c r="C132" s="327"/>
      <c r="D132" s="327"/>
      <c r="E132" s="321"/>
      <c r="F132" s="321"/>
      <c r="G132" s="321"/>
      <c r="H132" s="321"/>
      <c r="I132" s="321"/>
    </row>
    <row r="133" spans="1:9">
      <c r="A133" s="28"/>
      <c r="B133" s="326"/>
      <c r="C133" s="327"/>
      <c r="D133" s="327"/>
      <c r="E133" s="321"/>
      <c r="F133" s="321"/>
      <c r="G133" s="321"/>
      <c r="H133" s="321"/>
      <c r="I133" s="321"/>
    </row>
    <row r="134" spans="1:9">
      <c r="A134" s="22">
        <v>7</v>
      </c>
      <c r="B134" s="27" t="s">
        <v>48</v>
      </c>
      <c r="C134" s="321"/>
      <c r="D134" s="321"/>
      <c r="E134" s="321"/>
      <c r="F134" s="321"/>
      <c r="G134" s="321"/>
      <c r="H134" s="321"/>
      <c r="I134" s="321"/>
    </row>
    <row r="135" spans="1:9">
      <c r="A135" s="28"/>
      <c r="B135" s="320" t="s">
        <v>65</v>
      </c>
      <c r="C135" s="321"/>
      <c r="D135" s="321"/>
      <c r="E135" s="321"/>
      <c r="F135" s="321"/>
      <c r="G135" s="321"/>
      <c r="H135" s="321"/>
      <c r="I135" s="321"/>
    </row>
    <row r="136" spans="1:9">
      <c r="A136" s="28"/>
      <c r="B136" s="320"/>
      <c r="C136" s="321"/>
      <c r="D136" s="321"/>
      <c r="E136" s="321"/>
      <c r="F136" s="321"/>
      <c r="G136" s="321"/>
      <c r="H136" s="321"/>
      <c r="I136" s="321"/>
    </row>
    <row r="137" spans="1:9">
      <c r="A137" s="22">
        <v>7</v>
      </c>
      <c r="B137" s="27" t="s">
        <v>509</v>
      </c>
      <c r="C137" s="321"/>
      <c r="D137" s="321"/>
      <c r="E137" s="321"/>
      <c r="F137" s="321"/>
      <c r="G137" s="321"/>
      <c r="H137" s="321"/>
      <c r="I137" s="321"/>
    </row>
    <row r="138" spans="1:9">
      <c r="A138" s="28"/>
      <c r="B138" s="326" t="s">
        <v>510</v>
      </c>
      <c r="C138" s="327"/>
      <c r="D138" s="327"/>
      <c r="E138" s="321"/>
      <c r="F138" s="321"/>
      <c r="G138" s="321"/>
      <c r="H138" s="321"/>
      <c r="I138" s="321"/>
    </row>
    <row r="139" spans="1:9">
      <c r="A139" s="28"/>
      <c r="B139" s="320"/>
      <c r="C139" s="321"/>
      <c r="D139" s="321"/>
      <c r="E139" s="321"/>
      <c r="F139" s="321"/>
      <c r="G139" s="321"/>
      <c r="H139" s="321"/>
      <c r="I139" s="321"/>
    </row>
    <row r="140" spans="1:9">
      <c r="A140" s="22">
        <v>7</v>
      </c>
      <c r="B140" s="27" t="s">
        <v>417</v>
      </c>
      <c r="C140" s="321"/>
      <c r="D140" s="321"/>
      <c r="E140" s="321"/>
      <c r="F140" s="321"/>
      <c r="G140" s="321"/>
      <c r="H140" s="321"/>
      <c r="I140" s="321"/>
    </row>
    <row r="141" spans="1:9">
      <c r="A141" s="28"/>
      <c r="B141" s="320" t="s">
        <v>66</v>
      </c>
      <c r="C141" s="321"/>
      <c r="D141" s="321"/>
      <c r="E141" s="321"/>
      <c r="F141" s="321"/>
      <c r="G141" s="321"/>
      <c r="H141" s="321"/>
      <c r="I141" s="321"/>
    </row>
    <row r="142" spans="1:9">
      <c r="A142" s="22"/>
      <c r="B142" s="320"/>
      <c r="C142" s="321"/>
      <c r="D142" s="321"/>
      <c r="E142" s="321"/>
      <c r="F142" s="321"/>
      <c r="G142" s="321"/>
      <c r="H142" s="321"/>
      <c r="I142" s="321"/>
    </row>
    <row r="143" spans="1:9">
      <c r="A143" s="22">
        <v>7</v>
      </c>
      <c r="B143" s="27" t="s">
        <v>511</v>
      </c>
      <c r="C143" s="321"/>
      <c r="D143" s="321"/>
      <c r="E143" s="321"/>
      <c r="F143" s="321"/>
      <c r="G143" s="321"/>
      <c r="H143" s="321"/>
      <c r="I143" s="321"/>
    </row>
    <row r="144" spans="1:9">
      <c r="A144" s="28"/>
      <c r="B144" s="326" t="s">
        <v>512</v>
      </c>
      <c r="C144" s="327"/>
      <c r="D144" s="327"/>
      <c r="E144" s="321"/>
      <c r="F144" s="321"/>
      <c r="G144" s="321"/>
      <c r="H144" s="321"/>
      <c r="I144" s="321"/>
    </row>
    <row r="145" spans="1:9">
      <c r="A145" s="22"/>
      <c r="B145" s="320"/>
      <c r="C145" s="321"/>
      <c r="D145" s="321"/>
      <c r="E145" s="321"/>
      <c r="F145" s="321"/>
      <c r="G145" s="321"/>
      <c r="H145" s="321"/>
      <c r="I145" s="321"/>
    </row>
    <row r="146" spans="1:9">
      <c r="A146" s="22">
        <v>7</v>
      </c>
      <c r="B146" s="27" t="s">
        <v>238</v>
      </c>
      <c r="C146" s="321"/>
      <c r="D146" s="321"/>
      <c r="E146" s="321"/>
      <c r="F146" s="321"/>
      <c r="G146" s="321"/>
      <c r="H146" s="321"/>
      <c r="I146" s="321"/>
    </row>
    <row r="147" spans="1:9">
      <c r="A147" s="22"/>
      <c r="B147" s="320" t="s">
        <v>341</v>
      </c>
      <c r="C147" s="321"/>
      <c r="D147" s="321"/>
      <c r="E147" s="321"/>
      <c r="F147" s="321"/>
      <c r="G147" s="321"/>
      <c r="H147" s="321"/>
      <c r="I147" s="321"/>
    </row>
    <row r="148" spans="1:9">
      <c r="A148" s="22"/>
      <c r="B148" s="320"/>
      <c r="C148" s="321"/>
      <c r="D148" s="321"/>
      <c r="E148" s="321"/>
      <c r="F148" s="321"/>
      <c r="G148" s="321"/>
      <c r="H148" s="321"/>
      <c r="I148" s="321"/>
    </row>
    <row r="149" spans="1:9">
      <c r="A149" s="22">
        <v>7</v>
      </c>
      <c r="B149" s="27" t="s">
        <v>423</v>
      </c>
      <c r="C149" s="321"/>
      <c r="D149" s="321"/>
      <c r="E149" s="321"/>
      <c r="F149" s="321"/>
      <c r="G149" s="321"/>
      <c r="H149" s="321"/>
      <c r="I149" s="321"/>
    </row>
    <row r="150" spans="1:9">
      <c r="A150" s="28"/>
      <c r="B150" s="326" t="s">
        <v>513</v>
      </c>
      <c r="C150" s="327"/>
      <c r="D150" s="327"/>
      <c r="E150" s="321"/>
      <c r="F150" s="321"/>
      <c r="G150" s="321"/>
      <c r="H150" s="321"/>
      <c r="I150" s="321"/>
    </row>
    <row r="151" spans="1:9">
      <c r="A151" s="22"/>
      <c r="B151" s="320"/>
      <c r="C151" s="321"/>
      <c r="D151" s="321"/>
      <c r="E151" s="321"/>
      <c r="F151" s="321"/>
      <c r="G151" s="321"/>
      <c r="H151" s="321"/>
      <c r="I151" s="321"/>
    </row>
    <row r="152" spans="1:9">
      <c r="A152" s="22">
        <v>7</v>
      </c>
      <c r="B152" s="27" t="s">
        <v>426</v>
      </c>
      <c r="C152" s="321"/>
      <c r="D152" s="321"/>
      <c r="E152" s="321"/>
      <c r="F152" s="321"/>
      <c r="G152" s="321"/>
      <c r="H152" s="321"/>
      <c r="I152" s="321"/>
    </row>
    <row r="153" spans="1:9">
      <c r="A153" s="28"/>
      <c r="B153" s="320" t="s">
        <v>522</v>
      </c>
      <c r="C153" s="321"/>
      <c r="D153" s="321"/>
      <c r="E153" s="321"/>
      <c r="F153" s="321"/>
      <c r="G153" s="321"/>
      <c r="H153" s="321"/>
      <c r="I153" s="321"/>
    </row>
    <row r="154" spans="1:9">
      <c r="A154" s="28"/>
      <c r="B154" s="320"/>
      <c r="C154" s="321"/>
      <c r="D154" s="321"/>
      <c r="E154" s="321"/>
      <c r="F154" s="321"/>
      <c r="G154" s="321"/>
      <c r="H154" s="321"/>
      <c r="I154" s="321"/>
    </row>
    <row r="155" spans="1:9">
      <c r="A155" s="22">
        <v>7</v>
      </c>
      <c r="B155" s="27" t="s">
        <v>15</v>
      </c>
      <c r="C155" s="321"/>
      <c r="D155" s="321"/>
      <c r="E155" s="321"/>
      <c r="F155" s="321"/>
      <c r="G155" s="321"/>
      <c r="H155" s="321"/>
      <c r="I155" s="321"/>
    </row>
    <row r="156" spans="1:9">
      <c r="A156" s="28"/>
      <c r="B156" s="326" t="s">
        <v>26</v>
      </c>
      <c r="C156" s="327"/>
      <c r="D156" s="327"/>
      <c r="E156" s="321"/>
      <c r="F156" s="321"/>
      <c r="G156" s="321"/>
      <c r="H156" s="321"/>
      <c r="I156" s="321"/>
    </row>
    <row r="157" spans="1:9">
      <c r="A157" s="22"/>
      <c r="B157" s="320"/>
      <c r="C157" s="321"/>
      <c r="D157" s="321"/>
      <c r="E157" s="321"/>
      <c r="F157" s="321"/>
      <c r="G157" s="321"/>
      <c r="H157" s="321"/>
      <c r="I157" s="321"/>
    </row>
    <row r="158" spans="1:9">
      <c r="A158" s="22">
        <v>7</v>
      </c>
      <c r="B158" s="27" t="s">
        <v>67</v>
      </c>
      <c r="C158" s="321"/>
      <c r="D158" s="321"/>
      <c r="E158" s="321"/>
      <c r="F158" s="321"/>
      <c r="G158" s="321"/>
      <c r="H158" s="321"/>
      <c r="I158" s="321"/>
    </row>
    <row r="159" spans="1:9">
      <c r="A159" s="28"/>
      <c r="B159" s="320" t="s">
        <v>523</v>
      </c>
      <c r="C159" s="321"/>
      <c r="D159" s="321"/>
      <c r="E159" s="321"/>
      <c r="F159" s="321"/>
      <c r="G159" s="321"/>
      <c r="H159" s="321"/>
      <c r="I159" s="321"/>
    </row>
    <row r="160" spans="1:9">
      <c r="A160" s="28"/>
      <c r="B160" s="320"/>
      <c r="C160" s="321"/>
      <c r="D160" s="321"/>
      <c r="E160" s="321"/>
      <c r="F160" s="321"/>
      <c r="G160" s="321"/>
      <c r="H160" s="321"/>
      <c r="I160" s="321"/>
    </row>
    <row r="161" spans="1:9">
      <c r="A161" s="22">
        <v>7</v>
      </c>
      <c r="B161" s="246" t="s">
        <v>49</v>
      </c>
      <c r="C161" s="22"/>
      <c r="D161" s="22"/>
      <c r="E161" s="321"/>
      <c r="F161" s="321"/>
      <c r="G161" s="321"/>
      <c r="H161" s="321"/>
      <c r="I161" s="321"/>
    </row>
    <row r="162" spans="1:9">
      <c r="A162" s="22"/>
      <c r="B162" s="22" t="s">
        <v>27</v>
      </c>
      <c r="C162" s="22"/>
      <c r="D162" s="22"/>
      <c r="E162" s="321"/>
      <c r="F162" s="321"/>
      <c r="G162" s="321"/>
      <c r="H162" s="321"/>
      <c r="I162" s="321"/>
    </row>
    <row r="163" spans="1:9">
      <c r="A163" s="22"/>
      <c r="B163" s="22"/>
      <c r="C163" s="22"/>
      <c r="D163" s="22"/>
      <c r="E163" s="321"/>
      <c r="F163" s="321"/>
      <c r="G163" s="321"/>
      <c r="H163" s="321"/>
      <c r="I163" s="321"/>
    </row>
    <row r="164" spans="1:9">
      <c r="A164" s="22">
        <v>7</v>
      </c>
      <c r="B164" s="246" t="s">
        <v>50</v>
      </c>
      <c r="C164" s="22"/>
      <c r="D164" s="22"/>
      <c r="E164" s="321"/>
      <c r="F164" s="321"/>
      <c r="G164" s="321"/>
      <c r="H164" s="321"/>
      <c r="I164" s="321"/>
    </row>
    <row r="165" spans="1:9">
      <c r="A165" s="22"/>
      <c r="B165" s="22" t="s">
        <v>524</v>
      </c>
      <c r="C165" s="22"/>
      <c r="D165" s="22"/>
      <c r="E165" s="321"/>
      <c r="F165" s="321"/>
      <c r="G165" s="321"/>
      <c r="H165" s="321"/>
      <c r="I165" s="321"/>
    </row>
    <row r="166" spans="1:9">
      <c r="A166" s="28"/>
      <c r="B166" s="320"/>
      <c r="C166" s="321"/>
      <c r="D166" s="321"/>
      <c r="E166" s="321"/>
      <c r="F166" s="321"/>
      <c r="G166" s="321"/>
      <c r="H166" s="321"/>
      <c r="I166" s="321"/>
    </row>
    <row r="167" spans="1:9">
      <c r="A167" s="22">
        <v>7</v>
      </c>
      <c r="B167" s="246" t="s">
        <v>16</v>
      </c>
      <c r="C167" s="321"/>
      <c r="D167" s="321"/>
      <c r="E167" s="321"/>
      <c r="F167" s="321"/>
      <c r="G167" s="321"/>
      <c r="H167" s="321"/>
      <c r="I167" s="321"/>
    </row>
    <row r="168" spans="1:9">
      <c r="A168" s="28"/>
      <c r="B168" s="326" t="s">
        <v>28</v>
      </c>
      <c r="C168" s="327"/>
      <c r="D168" s="327"/>
      <c r="E168" s="321"/>
      <c r="F168" s="321"/>
      <c r="G168" s="321"/>
      <c r="H168" s="321"/>
      <c r="I168" s="321"/>
    </row>
    <row r="169" spans="1:9">
      <c r="A169" s="28"/>
      <c r="B169" s="320"/>
      <c r="C169" s="321"/>
      <c r="D169" s="321"/>
      <c r="E169" s="321"/>
      <c r="F169" s="321"/>
      <c r="G169" s="321"/>
      <c r="H169" s="321"/>
      <c r="I169" s="321"/>
    </row>
    <row r="170" spans="1:9">
      <c r="A170" s="22">
        <v>7</v>
      </c>
      <c r="B170" s="27" t="s">
        <v>51</v>
      </c>
      <c r="C170" s="321"/>
      <c r="D170" s="321"/>
      <c r="E170" s="321"/>
      <c r="F170" s="321"/>
      <c r="G170" s="321"/>
      <c r="H170" s="321"/>
      <c r="I170" s="321"/>
    </row>
    <row r="171" spans="1:9">
      <c r="A171" s="28"/>
      <c r="B171" s="22" t="s">
        <v>525</v>
      </c>
      <c r="C171" s="321"/>
      <c r="D171" s="321"/>
      <c r="E171" s="321"/>
      <c r="F171" s="321"/>
      <c r="G171" s="321"/>
      <c r="H171" s="321"/>
      <c r="I171" s="321"/>
    </row>
    <row r="172" spans="1:9">
      <c r="A172" s="28"/>
      <c r="B172" s="320"/>
      <c r="C172" s="321"/>
      <c r="D172" s="321"/>
      <c r="E172" s="321"/>
      <c r="F172" s="321"/>
      <c r="G172" s="321"/>
      <c r="H172" s="321"/>
      <c r="I172" s="321"/>
    </row>
    <row r="173" spans="1:9">
      <c r="A173" s="328" t="s">
        <v>52</v>
      </c>
      <c r="B173" s="328"/>
      <c r="C173" s="320"/>
      <c r="D173" s="320"/>
      <c r="E173" s="321"/>
      <c r="F173" s="321"/>
      <c r="G173" s="321"/>
      <c r="H173" s="321"/>
      <c r="I173" s="321"/>
    </row>
    <row r="174" spans="1:9">
      <c r="A174" s="28"/>
      <c r="B174" s="27"/>
      <c r="C174" s="321"/>
      <c r="D174" s="321"/>
      <c r="E174" s="321"/>
      <c r="F174" s="321"/>
      <c r="G174" s="321"/>
      <c r="H174" s="321"/>
      <c r="I174" s="321"/>
    </row>
    <row r="175" spans="1:9">
      <c r="A175" s="22">
        <v>8</v>
      </c>
      <c r="B175" s="227" t="s">
        <v>17</v>
      </c>
      <c r="C175" s="321"/>
      <c r="D175" s="321"/>
      <c r="E175" s="321"/>
      <c r="F175" s="321"/>
      <c r="G175" s="321"/>
      <c r="H175" s="321"/>
      <c r="I175" s="321"/>
    </row>
    <row r="176" spans="1:9">
      <c r="A176" s="28"/>
      <c r="B176" s="326" t="s">
        <v>29</v>
      </c>
      <c r="C176" s="327"/>
      <c r="D176" s="327"/>
      <c r="E176" s="321"/>
      <c r="F176" s="321"/>
      <c r="G176" s="321"/>
      <c r="H176" s="321"/>
      <c r="I176" s="321"/>
    </row>
    <row r="177" spans="1:9">
      <c r="A177" s="28"/>
      <c r="B177" s="326"/>
      <c r="C177" s="327"/>
      <c r="D177" s="327"/>
      <c r="E177" s="321"/>
      <c r="F177" s="321"/>
      <c r="G177" s="321"/>
      <c r="H177" s="321"/>
      <c r="I177" s="321"/>
    </row>
    <row r="178" spans="1:9">
      <c r="A178" s="21">
        <v>8</v>
      </c>
      <c r="B178" s="23" t="s">
        <v>53</v>
      </c>
      <c r="C178" s="321"/>
      <c r="D178" s="321"/>
      <c r="E178" s="321"/>
      <c r="F178" s="321"/>
      <c r="G178" s="321"/>
      <c r="H178" s="321"/>
      <c r="I178" s="321"/>
    </row>
    <row r="179" spans="1:9">
      <c r="A179" s="21"/>
      <c r="B179" s="22" t="s">
        <v>526</v>
      </c>
      <c r="C179" s="321"/>
      <c r="D179" s="321"/>
      <c r="E179" s="321"/>
      <c r="F179" s="321"/>
      <c r="G179" s="321"/>
      <c r="H179" s="321"/>
      <c r="I179" s="321"/>
    </row>
    <row r="180" spans="1:9">
      <c r="A180" s="21"/>
      <c r="B180" s="321"/>
      <c r="C180" s="321"/>
      <c r="D180" s="321"/>
      <c r="E180" s="321"/>
      <c r="F180" s="321"/>
      <c r="G180" s="321"/>
      <c r="H180" s="321"/>
      <c r="I180" s="321"/>
    </row>
    <row r="181" spans="1:9">
      <c r="A181" s="21"/>
      <c r="B181" s="321"/>
      <c r="C181" s="321"/>
      <c r="D181" s="321"/>
      <c r="E181" s="321"/>
      <c r="F181" s="321"/>
      <c r="G181" s="321"/>
      <c r="H181" s="321"/>
      <c r="I181" s="321"/>
    </row>
  </sheetData>
  <mergeCells count="47">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68:C68"/>
    <mergeCell ref="B109:D109"/>
    <mergeCell ref="B110:D110"/>
    <mergeCell ref="B86:D86"/>
    <mergeCell ref="B69:E69"/>
    <mergeCell ref="B119:D119"/>
    <mergeCell ref="B78:D78"/>
    <mergeCell ref="B93:D93"/>
    <mergeCell ref="B72:E72"/>
    <mergeCell ref="B104:D104"/>
    <mergeCell ref="B92:D92"/>
    <mergeCell ref="B103:D103"/>
    <mergeCell ref="B73:E73"/>
    <mergeCell ref="B95:D95"/>
    <mergeCell ref="B81:D81"/>
    <mergeCell ref="B98:D98"/>
    <mergeCell ref="A83:B83"/>
    <mergeCell ref="A100:B100"/>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43.28515625" style="1" customWidth="1"/>
    <col min="2" max="4" width="20.28515625" style="1" customWidth="1"/>
    <col min="5" max="6" width="20.28515625" style="5" customWidth="1"/>
    <col min="7" max="16384" width="20.28515625" style="1"/>
  </cols>
  <sheetData>
    <row r="1" spans="1:8" ht="31.5">
      <c r="A1" s="30" t="s">
        <v>59</v>
      </c>
    </row>
    <row r="3" spans="1:8" ht="18.75">
      <c r="A3" s="335" t="s">
        <v>68</v>
      </c>
      <c r="B3" s="335"/>
      <c r="C3" s="335"/>
      <c r="D3" s="335"/>
      <c r="E3" s="335"/>
      <c r="F3" s="335"/>
      <c r="G3" s="335"/>
      <c r="H3" s="335"/>
    </row>
    <row r="4" spans="1:8" ht="43.5" customHeight="1">
      <c r="A4" s="344" t="s">
        <v>69</v>
      </c>
      <c r="B4" s="344"/>
      <c r="C4" s="344"/>
      <c r="D4" s="344"/>
      <c r="E4" s="344"/>
      <c r="F4" s="344"/>
      <c r="G4" s="344"/>
      <c r="H4" s="344"/>
    </row>
    <row r="5" spans="1:8" ht="40.5" customHeight="1">
      <c r="A5" s="350" t="s">
        <v>70</v>
      </c>
      <c r="B5" s="351"/>
      <c r="C5" s="351"/>
      <c r="D5" s="351"/>
      <c r="E5" s="351"/>
      <c r="F5" s="351"/>
      <c r="G5" s="351"/>
      <c r="H5" s="351"/>
    </row>
    <row r="6" spans="1:8" ht="45" customHeight="1">
      <c r="A6" s="32" t="s">
        <v>71</v>
      </c>
      <c r="B6" s="33" t="s">
        <v>72</v>
      </c>
      <c r="C6" s="34" t="s">
        <v>583</v>
      </c>
      <c r="D6" s="35" t="s">
        <v>73</v>
      </c>
      <c r="E6" s="33" t="s">
        <v>331</v>
      </c>
      <c r="F6" s="35" t="s">
        <v>335</v>
      </c>
      <c r="G6" s="34" t="s">
        <v>333</v>
      </c>
      <c r="H6" s="35" t="s">
        <v>336</v>
      </c>
    </row>
    <row r="7" spans="1:8" ht="60">
      <c r="A7" s="36"/>
      <c r="B7" s="37" t="s">
        <v>74</v>
      </c>
      <c r="C7" s="38" t="s">
        <v>75</v>
      </c>
      <c r="D7" s="39" t="s">
        <v>76</v>
      </c>
      <c r="E7" s="37" t="s">
        <v>332</v>
      </c>
      <c r="F7" s="86" t="s">
        <v>88</v>
      </c>
      <c r="G7" s="121" t="s">
        <v>334</v>
      </c>
      <c r="H7" s="86" t="s">
        <v>88</v>
      </c>
    </row>
    <row r="8" spans="1:8">
      <c r="A8" s="40" t="s">
        <v>350</v>
      </c>
      <c r="B8" s="41">
        <v>13603</v>
      </c>
      <c r="C8" s="42">
        <v>69.414645476983182</v>
      </c>
      <c r="D8" s="43">
        <v>0.35037310145591</v>
      </c>
      <c r="E8" s="267">
        <v>0.25018988080187143</v>
      </c>
      <c r="F8" s="260">
        <v>7.4268009015894436E-3</v>
      </c>
      <c r="G8" s="267">
        <v>0.35384439625459785</v>
      </c>
      <c r="H8" s="260">
        <v>8.1985197592878839E-3</v>
      </c>
    </row>
    <row r="9" spans="1:8">
      <c r="A9" s="44" t="s">
        <v>351</v>
      </c>
      <c r="B9" s="45">
        <v>10078</v>
      </c>
      <c r="C9" s="46">
        <v>70.952475882326496</v>
      </c>
      <c r="D9" s="47">
        <v>0.39666146567503169</v>
      </c>
      <c r="E9" s="268">
        <v>0.2186499859839999</v>
      </c>
      <c r="F9" s="261">
        <v>8.2344385554779347E-3</v>
      </c>
      <c r="G9" s="268">
        <v>0.38470680343691377</v>
      </c>
      <c r="H9" s="261">
        <v>9.6910829926267501E-3</v>
      </c>
    </row>
    <row r="10" spans="1:8" s="5" customFormat="1">
      <c r="A10" s="40" t="s">
        <v>352</v>
      </c>
      <c r="B10" s="41">
        <v>3525</v>
      </c>
      <c r="C10" s="42">
        <v>68.111747174470864</v>
      </c>
      <c r="D10" s="43">
        <v>0.72343117209105501</v>
      </c>
      <c r="E10" s="267">
        <v>0.27691147199739036</v>
      </c>
      <c r="F10" s="260">
        <v>1.5069284269508867E-2</v>
      </c>
      <c r="G10" s="267">
        <v>0.32769679389896594</v>
      </c>
      <c r="H10" s="260">
        <v>1.5804804968703009E-2</v>
      </c>
    </row>
    <row r="11" spans="1:8" s="5" customFormat="1">
      <c r="A11" s="44" t="s">
        <v>534</v>
      </c>
      <c r="B11" s="45">
        <v>1650</v>
      </c>
      <c r="C11" s="46">
        <v>67.272119745823346</v>
      </c>
      <c r="D11" s="47">
        <v>1.0589454274019716</v>
      </c>
      <c r="E11" s="268">
        <v>0.29439017766988884</v>
      </c>
      <c r="F11" s="261">
        <v>2.2424336281436613E-2</v>
      </c>
      <c r="G11" s="268">
        <v>0.33683819989032188</v>
      </c>
      <c r="H11" s="261">
        <v>2.3249180370467023E-2</v>
      </c>
    </row>
    <row r="12" spans="1:8" s="5" customFormat="1">
      <c r="A12" s="40" t="s">
        <v>535</v>
      </c>
      <c r="B12" s="41">
        <v>916</v>
      </c>
      <c r="C12" s="42">
        <v>68.873823168003582</v>
      </c>
      <c r="D12" s="43">
        <v>1.3757721840028829</v>
      </c>
      <c r="E12" s="267">
        <v>0.25143932519043743</v>
      </c>
      <c r="F12" s="260">
        <v>2.8647305159583476E-2</v>
      </c>
      <c r="G12" s="267">
        <v>0.36917535888118669</v>
      </c>
      <c r="H12" s="260">
        <v>3.1830626254312655E-2</v>
      </c>
    </row>
    <row r="13" spans="1:8" s="5" customFormat="1">
      <c r="A13" s="44" t="s">
        <v>536</v>
      </c>
      <c r="B13" s="45">
        <v>193</v>
      </c>
      <c r="C13" s="46">
        <v>68.745238094899918</v>
      </c>
      <c r="D13" s="47">
        <v>3.2410502451986525</v>
      </c>
      <c r="E13" s="268">
        <v>0.25548129756086629</v>
      </c>
      <c r="F13" s="261">
        <v>6.2537533943754178E-2</v>
      </c>
      <c r="G13" s="268">
        <v>0.40312120926355893</v>
      </c>
      <c r="H13" s="261">
        <v>6.9951653725635721E-2</v>
      </c>
    </row>
    <row r="14" spans="1:8" s="5" customFormat="1">
      <c r="A14" s="40" t="s">
        <v>537</v>
      </c>
      <c r="B14" s="41">
        <v>71</v>
      </c>
      <c r="C14" s="42">
        <v>70.551815726893238</v>
      </c>
      <c r="D14" s="43">
        <v>5.3731675818945366</v>
      </c>
      <c r="E14" s="267">
        <v>0.21109783009371019</v>
      </c>
      <c r="F14" s="260">
        <v>9.6664644299573124E-2</v>
      </c>
      <c r="G14" s="267">
        <v>0.49411300722658014</v>
      </c>
      <c r="H14" s="260">
        <v>0.11546288095026316</v>
      </c>
    </row>
    <row r="15" spans="1:8" s="5" customFormat="1">
      <c r="A15" s="44" t="s">
        <v>546</v>
      </c>
      <c r="B15" s="45">
        <v>742</v>
      </c>
      <c r="C15" s="46">
        <v>66.632468639638574</v>
      </c>
      <c r="D15" s="47">
        <v>1.6302508313068529</v>
      </c>
      <c r="E15" s="268">
        <v>0.31257848428030788</v>
      </c>
      <c r="F15" s="261">
        <v>3.3972774204873719E-2</v>
      </c>
      <c r="G15" s="268">
        <v>0.32420892898534331</v>
      </c>
      <c r="H15" s="261">
        <v>3.4300986393737291E-2</v>
      </c>
    </row>
    <row r="16" spans="1:8" s="5" customFormat="1">
      <c r="A16" s="40" t="s">
        <v>547</v>
      </c>
      <c r="B16" s="41">
        <v>121</v>
      </c>
      <c r="C16" s="42">
        <v>67.360263968404581</v>
      </c>
      <c r="D16" s="43">
        <v>4.1772032321194059</v>
      </c>
      <c r="E16" s="267">
        <v>0.33651469119608146</v>
      </c>
      <c r="F16" s="260">
        <v>8.4844467861016501E-2</v>
      </c>
      <c r="G16" s="267">
        <v>0.33639960138784453</v>
      </c>
      <c r="H16" s="260">
        <v>8.4837815701936145E-2</v>
      </c>
    </row>
    <row r="17" spans="1:8" s="5" customFormat="1">
      <c r="A17" s="44" t="s">
        <v>548</v>
      </c>
      <c r="B17" s="45">
        <v>97</v>
      </c>
      <c r="C17" s="46">
        <v>67.428914207367853</v>
      </c>
      <c r="D17" s="47">
        <v>4.2921352083333684</v>
      </c>
      <c r="E17" s="268">
        <v>0.2994849538569212</v>
      </c>
      <c r="F17" s="261">
        <v>9.1827498612157721E-2</v>
      </c>
      <c r="G17" s="268">
        <v>0.34601006958019609</v>
      </c>
      <c r="H17" s="261">
        <v>9.5051451970210893E-2</v>
      </c>
    </row>
    <row r="18" spans="1:8" s="5" customFormat="1">
      <c r="A18" s="40" t="s">
        <v>538</v>
      </c>
      <c r="B18" s="41">
        <v>126</v>
      </c>
      <c r="C18" s="42">
        <v>70.076754341207007</v>
      </c>
      <c r="D18" s="43">
        <v>3.5830622229912721</v>
      </c>
      <c r="E18" s="267">
        <v>0.19145874671059851</v>
      </c>
      <c r="F18" s="260">
        <v>7.0289617861319736E-2</v>
      </c>
      <c r="G18" s="267">
        <v>0.33104227347122817</v>
      </c>
      <c r="H18" s="260">
        <v>8.2868381460986892E-2</v>
      </c>
    </row>
    <row r="19" spans="1:8" s="5" customFormat="1">
      <c r="A19" s="44" t="s">
        <v>539</v>
      </c>
      <c r="B19" s="45">
        <v>96</v>
      </c>
      <c r="C19" s="46">
        <v>69.501145157350109</v>
      </c>
      <c r="D19" s="47">
        <v>4.2058604580968266</v>
      </c>
      <c r="E19" s="268">
        <v>0.19722412474115422</v>
      </c>
      <c r="F19" s="261">
        <v>8.1366811574085568E-2</v>
      </c>
      <c r="G19" s="268">
        <v>0.30709710662310941</v>
      </c>
      <c r="H19" s="261">
        <v>9.2888289334370031E-2</v>
      </c>
    </row>
    <row r="20" spans="1:8">
      <c r="A20" s="40" t="s">
        <v>540</v>
      </c>
      <c r="B20" s="41">
        <v>260</v>
      </c>
      <c r="C20" s="42">
        <v>72.285465725175087</v>
      </c>
      <c r="D20" s="43">
        <v>2.4489690266434856</v>
      </c>
      <c r="E20" s="267">
        <v>0.20075557354734311</v>
      </c>
      <c r="F20" s="260">
        <v>4.9718262047652874E-2</v>
      </c>
      <c r="G20" s="267">
        <v>0.41661956234829006</v>
      </c>
      <c r="H20" s="260">
        <v>6.071003889171523E-2</v>
      </c>
    </row>
    <row r="21" spans="1:8" ht="25.5">
      <c r="A21" s="44" t="s">
        <v>541</v>
      </c>
      <c r="B21" s="45">
        <v>111</v>
      </c>
      <c r="C21" s="46">
        <v>76.264829537786454</v>
      </c>
      <c r="D21" s="47">
        <v>3.3899767993374943</v>
      </c>
      <c r="E21" s="268">
        <v>0.14538302737462389</v>
      </c>
      <c r="F21" s="261">
        <v>6.7975113414814839E-2</v>
      </c>
      <c r="G21" s="268">
        <v>0.50604645627458555</v>
      </c>
      <c r="H21" s="261">
        <v>9.3244128275690105E-2</v>
      </c>
    </row>
    <row r="22" spans="1:8" ht="25.5">
      <c r="A22" s="52" t="s">
        <v>549</v>
      </c>
      <c r="B22" s="41">
        <v>68</v>
      </c>
      <c r="C22" s="42">
        <v>68.747385994421592</v>
      </c>
      <c r="D22" s="43">
        <v>5.362490044595571</v>
      </c>
      <c r="E22" s="267">
        <v>0.21420196898847613</v>
      </c>
      <c r="F22" s="260">
        <v>9.9203213949395269E-2</v>
      </c>
      <c r="G22" s="267">
        <v>0.35705057967171905</v>
      </c>
      <c r="H22" s="260">
        <v>0.11347366257214556</v>
      </c>
    </row>
    <row r="23" spans="1:8">
      <c r="A23" s="44" t="s">
        <v>543</v>
      </c>
      <c r="B23" s="45">
        <v>81</v>
      </c>
      <c r="C23" s="46">
        <v>69.355796250441372</v>
      </c>
      <c r="D23" s="47">
        <v>4.3959445270979431</v>
      </c>
      <c r="E23" s="268">
        <v>0.26498887049882691</v>
      </c>
      <c r="F23" s="261">
        <v>9.6976795098444146E-2</v>
      </c>
      <c r="G23" s="268">
        <v>0.33770534628628485</v>
      </c>
      <c r="H23" s="261">
        <v>0.10314607174458162</v>
      </c>
    </row>
    <row r="24" spans="1:8">
      <c r="A24" s="52" t="s">
        <v>544</v>
      </c>
      <c r="B24" s="41">
        <v>112</v>
      </c>
      <c r="C24" s="42">
        <v>67.291390780147793</v>
      </c>
      <c r="D24" s="43">
        <v>3.8080292129245117</v>
      </c>
      <c r="E24" s="267">
        <v>0.25422860516416518</v>
      </c>
      <c r="F24" s="260">
        <v>8.1725014530102863E-2</v>
      </c>
      <c r="G24" s="267">
        <v>0.33801072770671781</v>
      </c>
      <c r="H24" s="260">
        <v>8.8188271450392861E-2</v>
      </c>
    </row>
    <row r="25" spans="1:8">
      <c r="A25" s="44" t="s">
        <v>545</v>
      </c>
      <c r="B25" s="45">
        <v>120</v>
      </c>
      <c r="C25" s="46">
        <v>66.956661282402138</v>
      </c>
      <c r="D25" s="47">
        <v>3.8063938125487167</v>
      </c>
      <c r="E25" s="268">
        <v>0.30762876923057147</v>
      </c>
      <c r="F25" s="261">
        <v>8.3345826271670295E-2</v>
      </c>
      <c r="G25" s="268">
        <v>0.33354614558227375</v>
      </c>
      <c r="H25" s="261">
        <v>8.5014576369259631E-2</v>
      </c>
    </row>
    <row r="26" spans="1:8" s="5" customFormat="1"/>
    <row r="27" spans="1:8" s="5" customFormat="1"/>
    <row r="28" spans="1:8" s="5" customFormat="1"/>
    <row r="29" spans="1:8" s="5" customFormat="1"/>
    <row r="30" spans="1:8" s="5" customFormat="1"/>
    <row r="32" spans="1:8" ht="18.75">
      <c r="A32" s="335" t="s">
        <v>7</v>
      </c>
      <c r="B32" s="335"/>
      <c r="C32" s="335"/>
      <c r="D32" s="335"/>
      <c r="E32" s="335"/>
      <c r="F32" s="335"/>
      <c r="G32" s="335"/>
      <c r="H32" s="335"/>
    </row>
    <row r="33" spans="1:8" ht="73.5" customHeight="1">
      <c r="A33" s="345" t="s">
        <v>455</v>
      </c>
      <c r="B33" s="345"/>
      <c r="C33" s="345"/>
      <c r="D33" s="345"/>
      <c r="E33" s="345"/>
      <c r="F33" s="345"/>
      <c r="G33" s="345"/>
      <c r="H33" s="345"/>
    </row>
    <row r="34" spans="1:8" ht="39.75" customHeight="1">
      <c r="A34" s="350" t="s">
        <v>77</v>
      </c>
      <c r="B34" s="351"/>
      <c r="C34" s="351"/>
      <c r="D34" s="351"/>
      <c r="E34" s="351"/>
      <c r="F34" s="351"/>
      <c r="G34" s="351"/>
      <c r="H34" s="351"/>
    </row>
    <row r="35" spans="1:8" ht="45" customHeight="1">
      <c r="A35" s="32" t="s">
        <v>71</v>
      </c>
      <c r="B35" s="33" t="s">
        <v>72</v>
      </c>
      <c r="C35" s="34" t="s">
        <v>583</v>
      </c>
      <c r="D35" s="35" t="s">
        <v>73</v>
      </c>
      <c r="E35" s="33" t="s">
        <v>331</v>
      </c>
      <c r="F35" s="35" t="s">
        <v>335</v>
      </c>
      <c r="G35" s="34" t="s">
        <v>333</v>
      </c>
      <c r="H35" s="35" t="s">
        <v>336</v>
      </c>
    </row>
    <row r="36" spans="1:8" ht="67.5" customHeight="1">
      <c r="A36" s="36"/>
      <c r="B36" s="37" t="s">
        <v>74</v>
      </c>
      <c r="C36" s="38" t="s">
        <v>75</v>
      </c>
      <c r="D36" s="39" t="s">
        <v>76</v>
      </c>
      <c r="E36" s="37" t="s">
        <v>332</v>
      </c>
      <c r="F36" s="86" t="s">
        <v>88</v>
      </c>
      <c r="G36" s="121" t="s">
        <v>334</v>
      </c>
      <c r="H36" s="86" t="s">
        <v>88</v>
      </c>
    </row>
    <row r="37" spans="1:8">
      <c r="A37" s="40" t="s">
        <v>350</v>
      </c>
      <c r="B37" s="53">
        <v>13388</v>
      </c>
      <c r="C37" s="54">
        <v>68.207873174728974</v>
      </c>
      <c r="D37" s="55">
        <v>0.31219410610008241</v>
      </c>
      <c r="E37" s="262">
        <v>0.29200125744005584</v>
      </c>
      <c r="F37" s="263">
        <v>7.8585608336742812E-3</v>
      </c>
      <c r="G37" s="262">
        <v>0.29748781954773451</v>
      </c>
      <c r="H37" s="263">
        <v>7.9012217198860726E-3</v>
      </c>
    </row>
    <row r="38" spans="1:8" s="5" customFormat="1">
      <c r="A38" s="44" t="s">
        <v>351</v>
      </c>
      <c r="B38" s="56">
        <v>9889</v>
      </c>
      <c r="C38" s="57">
        <v>69.687648348819224</v>
      </c>
      <c r="D38" s="58">
        <v>0.35282419388633779</v>
      </c>
      <c r="E38" s="264">
        <v>0.26144549542372658</v>
      </c>
      <c r="F38" s="265">
        <v>8.8368927471551059E-3</v>
      </c>
      <c r="G38" s="264">
        <v>0.32979567643007823</v>
      </c>
      <c r="H38" s="265">
        <v>9.4539889739480489E-3</v>
      </c>
    </row>
    <row r="39" spans="1:8" s="5" customFormat="1">
      <c r="A39" s="40" t="s">
        <v>352</v>
      </c>
      <c r="B39" s="49">
        <v>3499</v>
      </c>
      <c r="C39" s="50">
        <v>66.961984852629868</v>
      </c>
      <c r="D39" s="51">
        <v>0.64258535087208368</v>
      </c>
      <c r="E39" s="266">
        <v>0.31772750811347128</v>
      </c>
      <c r="F39" s="263">
        <v>1.5735922680593154E-2</v>
      </c>
      <c r="G39" s="266">
        <v>0.27028640253078789</v>
      </c>
      <c r="H39" s="263">
        <v>1.5011732185328109E-2</v>
      </c>
    </row>
    <row r="40" spans="1:8" s="5" customFormat="1">
      <c r="A40" s="44" t="s">
        <v>534</v>
      </c>
      <c r="B40" s="56">
        <v>1629</v>
      </c>
      <c r="C40" s="57">
        <v>66.927184014589045</v>
      </c>
      <c r="D40" s="58">
        <v>0.94155653921259419</v>
      </c>
      <c r="E40" s="264">
        <v>0.33418583887001752</v>
      </c>
      <c r="F40" s="265">
        <v>2.3352785369524665E-2</v>
      </c>
      <c r="G40" s="264">
        <v>0.28914554025102601</v>
      </c>
      <c r="H40" s="265">
        <v>2.2449940819380208E-2</v>
      </c>
    </row>
    <row r="41" spans="1:8" s="5" customFormat="1">
      <c r="A41" s="40" t="s">
        <v>535</v>
      </c>
      <c r="B41" s="49">
        <v>901</v>
      </c>
      <c r="C41" s="50">
        <v>69.409990499152556</v>
      </c>
      <c r="D41" s="51">
        <v>1.227472672519947</v>
      </c>
      <c r="E41" s="266">
        <v>0.30340286757651524</v>
      </c>
      <c r="F41" s="263">
        <v>3.0588372018966754E-2</v>
      </c>
      <c r="G41" s="266">
        <v>0.35246827378893669</v>
      </c>
      <c r="H41" s="263">
        <v>3.1774507155126648E-2</v>
      </c>
    </row>
    <row r="42" spans="1:8" s="5" customFormat="1">
      <c r="A42" s="44" t="s">
        <v>536</v>
      </c>
      <c r="B42" s="56">
        <v>192</v>
      </c>
      <c r="C42" s="57">
        <v>69.926483685932467</v>
      </c>
      <c r="D42" s="58">
        <v>2.8712037040409961</v>
      </c>
      <c r="E42" s="264">
        <v>0.29177621356875749</v>
      </c>
      <c r="F42" s="265">
        <v>6.5214634048292044E-2</v>
      </c>
      <c r="G42" s="264">
        <v>0.37233324391290656</v>
      </c>
      <c r="H42" s="265">
        <v>6.9158154774592667E-2</v>
      </c>
    </row>
    <row r="43" spans="1:8" s="5" customFormat="1">
      <c r="A43" s="40" t="s">
        <v>537</v>
      </c>
      <c r="B43" s="49">
        <v>71</v>
      </c>
      <c r="C43" s="50">
        <v>70.623120999554928</v>
      </c>
      <c r="D43" s="51">
        <v>4.6844918327228457</v>
      </c>
      <c r="E43" s="266">
        <v>0.29319017539263242</v>
      </c>
      <c r="F43" s="263">
        <v>0.10625007090971215</v>
      </c>
      <c r="G43" s="266">
        <v>0.40436702745395936</v>
      </c>
      <c r="H43" s="263">
        <v>0.11356146244719501</v>
      </c>
    </row>
    <row r="44" spans="1:8" s="5" customFormat="1">
      <c r="A44" s="44" t="s">
        <v>546</v>
      </c>
      <c r="B44" s="56">
        <v>735</v>
      </c>
      <c r="C44" s="57">
        <v>65.812106813353012</v>
      </c>
      <c r="D44" s="58">
        <v>1.4323081683618812</v>
      </c>
      <c r="E44" s="264">
        <v>0.34841124138093738</v>
      </c>
      <c r="F44" s="265">
        <v>3.5073395647983313E-2</v>
      </c>
      <c r="G44" s="264">
        <v>0.26230292132744926</v>
      </c>
      <c r="H44" s="265">
        <v>3.2413939746817139E-2</v>
      </c>
    </row>
    <row r="45" spans="1:8" s="5" customFormat="1">
      <c r="A45" s="40" t="s">
        <v>547</v>
      </c>
      <c r="B45" s="49">
        <v>120</v>
      </c>
      <c r="C45" s="50">
        <v>65.257454493787506</v>
      </c>
      <c r="D45" s="51">
        <v>3.8747548430988048</v>
      </c>
      <c r="E45" s="266">
        <v>0.37425783937867557</v>
      </c>
      <c r="F45" s="263">
        <v>8.7102558511830963E-2</v>
      </c>
      <c r="G45" s="266">
        <v>0.26245902951969491</v>
      </c>
      <c r="H45" s="263">
        <v>7.9748787083477768E-2</v>
      </c>
    </row>
    <row r="46" spans="1:8" s="5" customFormat="1">
      <c r="A46" s="44" t="s">
        <v>548</v>
      </c>
      <c r="B46" s="56">
        <v>95</v>
      </c>
      <c r="C46" s="57">
        <v>67.434448628746665</v>
      </c>
      <c r="D46" s="58">
        <v>3.8200644919866824</v>
      </c>
      <c r="E46" s="264">
        <v>0.37884175437052386</v>
      </c>
      <c r="F46" s="265">
        <v>9.7748992800541404E-2</v>
      </c>
      <c r="G46" s="264">
        <v>0.29912519946331495</v>
      </c>
      <c r="H46" s="265">
        <v>9.2734900541094525E-2</v>
      </c>
    </row>
    <row r="47" spans="1:8" s="5" customFormat="1">
      <c r="A47" s="40" t="s">
        <v>538</v>
      </c>
      <c r="B47" s="53">
        <v>125</v>
      </c>
      <c r="C47" s="54">
        <v>71.362268043585203</v>
      </c>
      <c r="D47" s="55">
        <v>3.3391934354279917</v>
      </c>
      <c r="E47" s="262">
        <v>0.20719354970428616</v>
      </c>
      <c r="F47" s="263">
        <v>7.2496754706233804E-2</v>
      </c>
      <c r="G47" s="262">
        <v>0.35907094933133821</v>
      </c>
      <c r="H47" s="263">
        <v>8.4697655892961285E-2</v>
      </c>
    </row>
    <row r="48" spans="1:8">
      <c r="A48" s="44" t="s">
        <v>539</v>
      </c>
      <c r="B48" s="56">
        <v>95</v>
      </c>
      <c r="C48" s="57">
        <v>70.163558747635278</v>
      </c>
      <c r="D48" s="58">
        <v>3.8368745386464211</v>
      </c>
      <c r="E48" s="264">
        <v>0.21520948063518372</v>
      </c>
      <c r="F48" s="265">
        <v>8.416336862998243E-2</v>
      </c>
      <c r="G48" s="264">
        <v>0.31537078816583608</v>
      </c>
      <c r="H48" s="265">
        <v>9.3982802533992438E-2</v>
      </c>
    </row>
    <row r="49" spans="1:50">
      <c r="A49" s="40" t="s">
        <v>540</v>
      </c>
      <c r="B49" s="49">
        <v>257</v>
      </c>
      <c r="C49" s="50">
        <v>71.378948419558071</v>
      </c>
      <c r="D49" s="51">
        <v>2.0959912968204022</v>
      </c>
      <c r="E49" s="266">
        <v>0.27091582587678564</v>
      </c>
      <c r="F49" s="263">
        <v>5.5241258918644655E-2</v>
      </c>
      <c r="G49" s="266">
        <v>0.37768627058288506</v>
      </c>
      <c r="H49" s="263">
        <v>6.0075865399964165E-2</v>
      </c>
    </row>
    <row r="50" spans="1:50" ht="25.5">
      <c r="A50" s="44" t="s">
        <v>541</v>
      </c>
      <c r="B50" s="56">
        <v>109</v>
      </c>
      <c r="C50" s="57">
        <v>75.408971270586008</v>
      </c>
      <c r="D50" s="58">
        <v>3.0317543558730002</v>
      </c>
      <c r="E50" s="264">
        <v>0.1426601195443927</v>
      </c>
      <c r="F50" s="265">
        <v>6.8145688370899529E-2</v>
      </c>
      <c r="G50" s="264">
        <v>0.49074921420694922</v>
      </c>
      <c r="H50" s="265">
        <v>9.4057104530476859E-2</v>
      </c>
    </row>
    <row r="51" spans="1:50" ht="25.5">
      <c r="A51" s="52" t="s">
        <v>549</v>
      </c>
      <c r="B51" s="53">
        <v>68</v>
      </c>
      <c r="C51" s="54">
        <v>70.467961190847362</v>
      </c>
      <c r="D51" s="55">
        <v>4.1882847304004454</v>
      </c>
      <c r="E51" s="262">
        <v>0.27991067609450887</v>
      </c>
      <c r="F51" s="263">
        <v>0.10718450630905278</v>
      </c>
      <c r="G51" s="262">
        <v>0.37415025970440091</v>
      </c>
      <c r="H51" s="263">
        <v>0.11447288735364497</v>
      </c>
    </row>
    <row r="52" spans="1:50">
      <c r="A52" s="44" t="s">
        <v>543</v>
      </c>
      <c r="B52" s="56">
        <v>80</v>
      </c>
      <c r="C52" s="57">
        <v>66.680807314135848</v>
      </c>
      <c r="D52" s="58">
        <v>3.8402901099810891</v>
      </c>
      <c r="E52" s="264">
        <v>0.43367890228133227</v>
      </c>
      <c r="F52" s="265">
        <v>0.10823485085264699</v>
      </c>
      <c r="G52" s="264">
        <v>0.23129383610761212</v>
      </c>
      <c r="H52" s="265">
        <v>9.373461735052506E-2</v>
      </c>
    </row>
    <row r="53" spans="1:50">
      <c r="A53" s="52" t="s">
        <v>544</v>
      </c>
      <c r="B53" s="53">
        <v>108</v>
      </c>
      <c r="C53" s="54">
        <v>69.256844097056486</v>
      </c>
      <c r="D53" s="55">
        <v>3.3275347199677028</v>
      </c>
      <c r="E53" s="262">
        <v>0.31575514932431598</v>
      </c>
      <c r="F53" s="263">
        <v>8.8324738160444852E-2</v>
      </c>
      <c r="G53" s="262">
        <v>0.36315166742219973</v>
      </c>
      <c r="H53" s="263">
        <v>9.1140849189714865E-2</v>
      </c>
    </row>
    <row r="54" spans="1:50">
      <c r="A54" s="44" t="s">
        <v>545</v>
      </c>
      <c r="B54" s="56">
        <v>117</v>
      </c>
      <c r="C54" s="57">
        <v>67.38839469906695</v>
      </c>
      <c r="D54" s="58">
        <v>3.5926199546473803</v>
      </c>
      <c r="E54" s="264">
        <v>0.34155809152183531</v>
      </c>
      <c r="F54" s="265">
        <v>8.6536379495749507E-2</v>
      </c>
      <c r="G54" s="264">
        <v>0.31367969073353591</v>
      </c>
      <c r="H54" s="265">
        <v>8.480254721339732E-2</v>
      </c>
    </row>
    <row r="55" spans="1:50" s="5" customFormat="1"/>
    <row r="56" spans="1:50" s="5" customFormat="1"/>
    <row r="57" spans="1:50" s="5" customFormat="1"/>
    <row r="58" spans="1:50" s="5" customFormat="1"/>
    <row r="59" spans="1:50" s="5" customFormat="1"/>
    <row r="61" spans="1:50" ht="18.75">
      <c r="A61" s="335" t="s">
        <v>32</v>
      </c>
      <c r="B61" s="335"/>
      <c r="C61" s="335"/>
      <c r="D61" s="335"/>
      <c r="E61" s="335"/>
      <c r="F61" s="335"/>
      <c r="G61" s="335"/>
      <c r="H61" s="335"/>
      <c r="I61" s="335"/>
      <c r="J61" s="335"/>
      <c r="K61" s="335"/>
      <c r="L61" s="335"/>
      <c r="M61" s="335"/>
      <c r="N61" s="335"/>
      <c r="O61" s="335"/>
      <c r="P61" s="335"/>
      <c r="Q61" s="335"/>
      <c r="R61" s="335"/>
      <c r="S61" s="335"/>
      <c r="T61" s="335"/>
      <c r="U61" s="335"/>
      <c r="V61" s="335"/>
      <c r="W61" s="335"/>
      <c r="X61" s="335"/>
      <c r="Y61" s="335"/>
      <c r="Z61" s="335"/>
      <c r="AA61" s="335"/>
      <c r="AB61" s="335"/>
      <c r="AC61" s="335"/>
      <c r="AD61" s="335"/>
      <c r="AE61" s="335"/>
      <c r="AF61" s="335"/>
      <c r="AG61" s="335"/>
      <c r="AH61" s="335"/>
      <c r="AI61" s="335"/>
      <c r="AJ61" s="335"/>
      <c r="AK61" s="335"/>
      <c r="AL61" s="335"/>
      <c r="AM61" s="335"/>
      <c r="AN61" s="335"/>
      <c r="AO61" s="335"/>
      <c r="AP61" s="335"/>
      <c r="AQ61" s="335"/>
      <c r="AR61" s="335"/>
      <c r="AS61" s="335"/>
      <c r="AT61" s="335"/>
      <c r="AU61" s="335"/>
      <c r="AV61" s="335"/>
      <c r="AW61" s="335"/>
      <c r="AX61" s="335"/>
    </row>
    <row r="62" spans="1:50" ht="70.5" customHeight="1">
      <c r="A62" s="346" t="s">
        <v>573</v>
      </c>
      <c r="B62" s="346"/>
      <c r="C62" s="346"/>
      <c r="D62" s="346"/>
      <c r="E62" s="346"/>
      <c r="F62" s="346"/>
      <c r="G62" s="346"/>
      <c r="H62" s="346"/>
      <c r="I62" s="346"/>
      <c r="J62" s="346"/>
      <c r="K62" s="346"/>
      <c r="L62" s="346"/>
      <c r="M62" s="346"/>
      <c r="N62" s="346"/>
      <c r="O62" s="346"/>
      <c r="P62" s="346"/>
      <c r="Q62" s="346"/>
      <c r="R62" s="346"/>
      <c r="S62" s="346"/>
      <c r="T62" s="346"/>
      <c r="U62" s="346"/>
      <c r="V62" s="346"/>
      <c r="W62" s="346"/>
      <c r="X62" s="346"/>
      <c r="Y62" s="346"/>
      <c r="Z62" s="346"/>
      <c r="AA62" s="346"/>
      <c r="AB62" s="346"/>
      <c r="AC62" s="346"/>
      <c r="AD62" s="346"/>
      <c r="AE62" s="346"/>
      <c r="AF62" s="346"/>
      <c r="AG62" s="346"/>
      <c r="AH62" s="346"/>
      <c r="AI62" s="346"/>
      <c r="AJ62" s="346"/>
      <c r="AK62" s="346"/>
      <c r="AL62" s="346"/>
      <c r="AM62" s="346"/>
      <c r="AN62" s="346"/>
      <c r="AO62" s="346"/>
      <c r="AP62" s="346"/>
      <c r="AQ62" s="346"/>
      <c r="AR62" s="346"/>
      <c r="AS62" s="346"/>
      <c r="AT62" s="346"/>
      <c r="AU62" s="346"/>
      <c r="AV62" s="346"/>
      <c r="AW62" s="346"/>
      <c r="AX62" s="346"/>
    </row>
    <row r="63" spans="1:50" ht="32.25" customHeight="1">
      <c r="A63" s="298" t="s">
        <v>78</v>
      </c>
      <c r="B63" s="341" t="s">
        <v>79</v>
      </c>
      <c r="C63" s="342"/>
      <c r="D63" s="342"/>
      <c r="E63" s="342"/>
      <c r="F63" s="342"/>
      <c r="G63" s="342"/>
      <c r="H63" s="343"/>
      <c r="I63" s="341" t="s">
        <v>337</v>
      </c>
      <c r="J63" s="342"/>
      <c r="K63" s="342"/>
      <c r="L63" s="342"/>
      <c r="M63" s="342"/>
      <c r="N63" s="342"/>
      <c r="O63" s="343"/>
      <c r="P63" s="341" t="s">
        <v>338</v>
      </c>
      <c r="Q63" s="342"/>
      <c r="R63" s="342"/>
      <c r="S63" s="342"/>
      <c r="T63" s="342"/>
      <c r="U63" s="342"/>
      <c r="V63" s="343"/>
      <c r="W63" s="341" t="s">
        <v>80</v>
      </c>
      <c r="X63" s="342"/>
      <c r="Y63" s="342"/>
      <c r="Z63" s="342"/>
      <c r="AA63" s="342"/>
      <c r="AB63" s="342"/>
      <c r="AC63" s="343"/>
      <c r="AD63" s="341" t="s">
        <v>81</v>
      </c>
      <c r="AE63" s="342"/>
      <c r="AF63" s="342"/>
      <c r="AG63" s="342"/>
      <c r="AH63" s="342"/>
      <c r="AI63" s="342"/>
      <c r="AJ63" s="343"/>
      <c r="AK63" s="341" t="s">
        <v>82</v>
      </c>
      <c r="AL63" s="342"/>
      <c r="AM63" s="342"/>
      <c r="AN63" s="342"/>
      <c r="AO63" s="342"/>
      <c r="AP63" s="342"/>
      <c r="AQ63" s="343"/>
      <c r="AR63" s="341" t="s">
        <v>83</v>
      </c>
      <c r="AS63" s="342"/>
      <c r="AT63" s="342"/>
      <c r="AU63" s="342"/>
      <c r="AV63" s="342"/>
      <c r="AW63" s="342"/>
      <c r="AX63" s="343"/>
    </row>
    <row r="64" spans="1:50" ht="43.5" customHeight="1">
      <c r="A64" s="32" t="s">
        <v>71</v>
      </c>
      <c r="B64" s="33" t="s">
        <v>72</v>
      </c>
      <c r="C64" s="34" t="s">
        <v>583</v>
      </c>
      <c r="D64" s="35" t="s">
        <v>73</v>
      </c>
      <c r="E64" s="34" t="s">
        <v>331</v>
      </c>
      <c r="F64" s="35" t="s">
        <v>335</v>
      </c>
      <c r="G64" s="34" t="s">
        <v>333</v>
      </c>
      <c r="H64" s="35" t="s">
        <v>336</v>
      </c>
      <c r="I64" s="60" t="s">
        <v>72</v>
      </c>
      <c r="J64" s="61" t="s">
        <v>583</v>
      </c>
      <c r="K64" s="62" t="s">
        <v>73</v>
      </c>
      <c r="L64" s="61" t="s">
        <v>331</v>
      </c>
      <c r="M64" s="62" t="s">
        <v>335</v>
      </c>
      <c r="N64" s="61" t="s">
        <v>333</v>
      </c>
      <c r="O64" s="62" t="s">
        <v>336</v>
      </c>
      <c r="P64" s="33" t="s">
        <v>72</v>
      </c>
      <c r="Q64" s="34" t="s">
        <v>583</v>
      </c>
      <c r="R64" s="35" t="s">
        <v>73</v>
      </c>
      <c r="S64" s="34" t="s">
        <v>331</v>
      </c>
      <c r="T64" s="35" t="s">
        <v>335</v>
      </c>
      <c r="U64" s="34" t="s">
        <v>333</v>
      </c>
      <c r="V64" s="35" t="s">
        <v>336</v>
      </c>
      <c r="W64" s="60" t="s">
        <v>72</v>
      </c>
      <c r="X64" s="61" t="s">
        <v>583</v>
      </c>
      <c r="Y64" s="62" t="s">
        <v>73</v>
      </c>
      <c r="Z64" s="61" t="s">
        <v>331</v>
      </c>
      <c r="AA64" s="62" t="s">
        <v>335</v>
      </c>
      <c r="AB64" s="61" t="s">
        <v>333</v>
      </c>
      <c r="AC64" s="62" t="s">
        <v>336</v>
      </c>
      <c r="AD64" s="33" t="s">
        <v>72</v>
      </c>
      <c r="AE64" s="34" t="s">
        <v>583</v>
      </c>
      <c r="AF64" s="35" t="s">
        <v>73</v>
      </c>
      <c r="AG64" s="34" t="s">
        <v>331</v>
      </c>
      <c r="AH64" s="35" t="s">
        <v>335</v>
      </c>
      <c r="AI64" s="34" t="s">
        <v>333</v>
      </c>
      <c r="AJ64" s="35" t="s">
        <v>336</v>
      </c>
      <c r="AK64" s="60" t="s">
        <v>72</v>
      </c>
      <c r="AL64" s="61" t="s">
        <v>583</v>
      </c>
      <c r="AM64" s="62" t="s">
        <v>73</v>
      </c>
      <c r="AN64" s="61" t="s">
        <v>331</v>
      </c>
      <c r="AO64" s="62" t="s">
        <v>335</v>
      </c>
      <c r="AP64" s="61" t="s">
        <v>333</v>
      </c>
      <c r="AQ64" s="62" t="s">
        <v>336</v>
      </c>
      <c r="AR64" s="33" t="s">
        <v>72</v>
      </c>
      <c r="AS64" s="34" t="s">
        <v>583</v>
      </c>
      <c r="AT64" s="35" t="s">
        <v>73</v>
      </c>
      <c r="AU64" s="34" t="s">
        <v>331</v>
      </c>
      <c r="AV64" s="35" t="s">
        <v>335</v>
      </c>
      <c r="AW64" s="34" t="s">
        <v>333</v>
      </c>
      <c r="AX64" s="35" t="s">
        <v>336</v>
      </c>
    </row>
    <row r="65" spans="1:50" ht="69" customHeight="1">
      <c r="A65" s="36"/>
      <c r="B65" s="37" t="s">
        <v>74</v>
      </c>
      <c r="C65" s="38" t="s">
        <v>75</v>
      </c>
      <c r="D65" s="39" t="s">
        <v>76</v>
      </c>
      <c r="E65" s="38" t="s">
        <v>332</v>
      </c>
      <c r="F65" s="86" t="s">
        <v>88</v>
      </c>
      <c r="G65" s="38" t="s">
        <v>334</v>
      </c>
      <c r="H65" s="86" t="s">
        <v>88</v>
      </c>
      <c r="I65" s="63" t="s">
        <v>74</v>
      </c>
      <c r="J65" s="64" t="s">
        <v>75</v>
      </c>
      <c r="K65" s="65" t="s">
        <v>76</v>
      </c>
      <c r="L65" s="64" t="s">
        <v>332</v>
      </c>
      <c r="M65" s="65" t="s">
        <v>76</v>
      </c>
      <c r="N65" s="64" t="s">
        <v>334</v>
      </c>
      <c r="O65" s="65" t="s">
        <v>88</v>
      </c>
      <c r="P65" s="37" t="s">
        <v>74</v>
      </c>
      <c r="Q65" s="38" t="s">
        <v>75</v>
      </c>
      <c r="R65" s="39" t="s">
        <v>76</v>
      </c>
      <c r="S65" s="38" t="s">
        <v>332</v>
      </c>
      <c r="T65" s="39" t="s">
        <v>88</v>
      </c>
      <c r="U65" s="38" t="s">
        <v>334</v>
      </c>
      <c r="V65" s="39" t="s">
        <v>88</v>
      </c>
      <c r="W65" s="63" t="s">
        <v>74</v>
      </c>
      <c r="X65" s="64" t="s">
        <v>75</v>
      </c>
      <c r="Y65" s="65" t="s">
        <v>76</v>
      </c>
      <c r="Z65" s="64" t="s">
        <v>332</v>
      </c>
      <c r="AA65" s="65" t="s">
        <v>88</v>
      </c>
      <c r="AB65" s="64" t="s">
        <v>334</v>
      </c>
      <c r="AC65" s="65" t="s">
        <v>88</v>
      </c>
      <c r="AD65" s="37" t="s">
        <v>74</v>
      </c>
      <c r="AE65" s="38" t="s">
        <v>75</v>
      </c>
      <c r="AF65" s="39" t="s">
        <v>76</v>
      </c>
      <c r="AG65" s="38" t="s">
        <v>332</v>
      </c>
      <c r="AH65" s="39" t="s">
        <v>88</v>
      </c>
      <c r="AI65" s="38" t="s">
        <v>334</v>
      </c>
      <c r="AJ65" s="39" t="s">
        <v>88</v>
      </c>
      <c r="AK65" s="63" t="s">
        <v>74</v>
      </c>
      <c r="AL65" s="64" t="s">
        <v>75</v>
      </c>
      <c r="AM65" s="65" t="s">
        <v>76</v>
      </c>
      <c r="AN65" s="64" t="s">
        <v>332</v>
      </c>
      <c r="AO65" s="65" t="s">
        <v>88</v>
      </c>
      <c r="AP65" s="64" t="s">
        <v>334</v>
      </c>
      <c r="AQ65" s="65" t="s">
        <v>88</v>
      </c>
      <c r="AR65" s="37" t="s">
        <v>74</v>
      </c>
      <c r="AS65" s="38" t="s">
        <v>75</v>
      </c>
      <c r="AT65" s="39" t="s">
        <v>76</v>
      </c>
      <c r="AU65" s="38" t="s">
        <v>332</v>
      </c>
      <c r="AV65" s="39" t="s">
        <v>88</v>
      </c>
      <c r="AW65" s="38" t="s">
        <v>334</v>
      </c>
      <c r="AX65" s="39" t="s">
        <v>88</v>
      </c>
    </row>
    <row r="66" spans="1:50">
      <c r="A66" s="40" t="s">
        <v>350</v>
      </c>
      <c r="B66" s="66">
        <v>13570</v>
      </c>
      <c r="C66" s="67">
        <v>71.438630345390308</v>
      </c>
      <c r="D66" s="68">
        <v>0.35337904261092806</v>
      </c>
      <c r="E66" s="269">
        <v>0.240466845408177</v>
      </c>
      <c r="F66" s="270">
        <v>7.3370964794701836E-3</v>
      </c>
      <c r="G66" s="271">
        <v>0.40087115027287756</v>
      </c>
      <c r="H66" s="270">
        <v>8.4128631801001236E-3</v>
      </c>
      <c r="I66" s="66">
        <v>13556</v>
      </c>
      <c r="J66" s="67">
        <v>67.249706894513793</v>
      </c>
      <c r="K66" s="68">
        <v>0.39074111841170045</v>
      </c>
      <c r="L66" s="269">
        <v>0.30006086316616065</v>
      </c>
      <c r="M66" s="270">
        <v>7.8715334654811085E-3</v>
      </c>
      <c r="N66" s="271">
        <v>0.32844081781997503</v>
      </c>
      <c r="O66" s="270">
        <v>8.0665522454644312E-3</v>
      </c>
      <c r="P66" s="66">
        <v>13533</v>
      </c>
      <c r="Q66" s="67">
        <v>65.322654533475699</v>
      </c>
      <c r="R66" s="68">
        <v>0.4054703749536423</v>
      </c>
      <c r="S66" s="269">
        <v>0.34047814760760325</v>
      </c>
      <c r="T66" s="270">
        <v>8.1459649654541111E-3</v>
      </c>
      <c r="U66" s="271">
        <v>0.31825195682542395</v>
      </c>
      <c r="V66" s="270">
        <v>8.0072945826806866E-3</v>
      </c>
      <c r="W66" s="66">
        <v>13522</v>
      </c>
      <c r="X66" s="67">
        <v>71.045567311173087</v>
      </c>
      <c r="Y66" s="68">
        <v>0.42066220326834314</v>
      </c>
      <c r="Z66" s="269">
        <v>0.2735156750950844</v>
      </c>
      <c r="AA66" s="270">
        <v>7.6662448437937727E-3</v>
      </c>
      <c r="AB66" s="271">
        <v>0.44866137810191631</v>
      </c>
      <c r="AC66" s="270">
        <v>8.5529360242496532E-3</v>
      </c>
      <c r="AD66" s="66">
        <v>13549</v>
      </c>
      <c r="AE66" s="67">
        <v>74.042393617335378</v>
      </c>
      <c r="AF66" s="68">
        <v>0.36492693047760022</v>
      </c>
      <c r="AG66" s="269">
        <v>0.21918160250748378</v>
      </c>
      <c r="AH66" s="270">
        <v>7.1080158760762173E-3</v>
      </c>
      <c r="AI66" s="271">
        <v>0.48085613989649967</v>
      </c>
      <c r="AJ66" s="270">
        <v>8.5834900597652631E-3</v>
      </c>
      <c r="AK66" s="66">
        <v>13525</v>
      </c>
      <c r="AL66" s="67">
        <v>64.115309634413777</v>
      </c>
      <c r="AM66" s="68">
        <v>0.42139710288579496</v>
      </c>
      <c r="AN66" s="269">
        <v>0.37418317763397418</v>
      </c>
      <c r="AO66" s="270">
        <v>8.3209243159596807E-3</v>
      </c>
      <c r="AP66" s="271">
        <v>0.29474715129768669</v>
      </c>
      <c r="AQ66" s="270">
        <v>7.8400782607710145E-3</v>
      </c>
      <c r="AR66" s="66">
        <v>13529</v>
      </c>
      <c r="AS66" s="67">
        <v>64.674676425130073</v>
      </c>
      <c r="AT66" s="68">
        <v>0.43499056656587498</v>
      </c>
      <c r="AU66" s="269">
        <v>0.36491027912587382</v>
      </c>
      <c r="AV66" s="270">
        <v>8.2766321104891776E-3</v>
      </c>
      <c r="AW66" s="271">
        <v>0.32030615518574806</v>
      </c>
      <c r="AX66" s="270">
        <v>8.0221596477630282E-3</v>
      </c>
    </row>
    <row r="67" spans="1:50" s="5" customFormat="1">
      <c r="A67" s="44" t="s">
        <v>351</v>
      </c>
      <c r="B67" s="69">
        <v>10055</v>
      </c>
      <c r="C67" s="70">
        <v>73.164697367354762</v>
      </c>
      <c r="D67" s="71">
        <v>0.40048464601374079</v>
      </c>
      <c r="E67" s="272">
        <v>0.20987679526600334</v>
      </c>
      <c r="F67" s="273">
        <v>8.1221281139804268E-3</v>
      </c>
      <c r="G67" s="274">
        <v>0.43607647042244929</v>
      </c>
      <c r="H67" s="273">
        <v>9.8888751877334678E-3</v>
      </c>
      <c r="I67" s="69">
        <v>10043</v>
      </c>
      <c r="J67" s="70">
        <v>66.862155971112429</v>
      </c>
      <c r="K67" s="71">
        <v>0.45433726982971639</v>
      </c>
      <c r="L67" s="272">
        <v>0.30751297821261192</v>
      </c>
      <c r="M67" s="273">
        <v>9.2082990362279665E-3</v>
      </c>
      <c r="N67" s="274">
        <v>0.3300229878843946</v>
      </c>
      <c r="O67" s="273">
        <v>9.3828857711381556E-3</v>
      </c>
      <c r="P67" s="69">
        <v>10027</v>
      </c>
      <c r="Q67" s="70">
        <v>66.791836467068165</v>
      </c>
      <c r="R67" s="71">
        <v>0.46551816361235671</v>
      </c>
      <c r="S67" s="272">
        <v>0.31635250540374288</v>
      </c>
      <c r="T67" s="273">
        <v>9.2872392196801778E-3</v>
      </c>
      <c r="U67" s="274">
        <v>0.34251780998900488</v>
      </c>
      <c r="V67" s="273">
        <v>9.4767739960541098E-3</v>
      </c>
      <c r="W67" s="69">
        <v>10016</v>
      </c>
      <c r="X67" s="70">
        <v>73.037939169361266</v>
      </c>
      <c r="Y67" s="71">
        <v>0.47861896107427071</v>
      </c>
      <c r="Z67" s="272">
        <v>0.24646932655942103</v>
      </c>
      <c r="AA67" s="273">
        <v>8.6116827991018323E-3</v>
      </c>
      <c r="AB67" s="274">
        <v>0.48841836026437457</v>
      </c>
      <c r="AC67" s="273">
        <v>9.9873367464312877E-3</v>
      </c>
      <c r="AD67" s="69">
        <v>10042</v>
      </c>
      <c r="AE67" s="70">
        <v>76.524111162024013</v>
      </c>
      <c r="AF67" s="71">
        <v>0.40950905192480291</v>
      </c>
      <c r="AG67" s="272">
        <v>0.18469742367316946</v>
      </c>
      <c r="AH67" s="273">
        <v>7.7452839747371976E-3</v>
      </c>
      <c r="AI67" s="274">
        <v>0.52778538758003091</v>
      </c>
      <c r="AJ67" s="273">
        <v>9.9616742556273893E-3</v>
      </c>
      <c r="AK67" s="69">
        <v>10025</v>
      </c>
      <c r="AL67" s="70">
        <v>66.892036120047791</v>
      </c>
      <c r="AM67" s="71">
        <v>0.48085713434636318</v>
      </c>
      <c r="AN67" s="272">
        <v>0.32610143263671432</v>
      </c>
      <c r="AO67" s="273">
        <v>9.3626465751574205E-3</v>
      </c>
      <c r="AP67" s="274">
        <v>0.33752311325959089</v>
      </c>
      <c r="AQ67" s="273">
        <v>9.4440602605184599E-3</v>
      </c>
      <c r="AR67" s="69">
        <v>10021</v>
      </c>
      <c r="AS67" s="70">
        <v>65.681533639053356</v>
      </c>
      <c r="AT67" s="71">
        <v>0.5044151860498951</v>
      </c>
      <c r="AU67" s="272">
        <v>0.34756852736597621</v>
      </c>
      <c r="AV67" s="273">
        <v>9.5124684552233083E-3</v>
      </c>
      <c r="AW67" s="274">
        <v>0.34075583167763918</v>
      </c>
      <c r="AX67" s="273">
        <v>9.4678672150871439E-3</v>
      </c>
    </row>
    <row r="68" spans="1:50" s="5" customFormat="1">
      <c r="A68" s="40" t="s">
        <v>352</v>
      </c>
      <c r="B68" s="49">
        <v>3515</v>
      </c>
      <c r="C68" s="50">
        <v>69.976615823825824</v>
      </c>
      <c r="D68" s="51">
        <v>0.72461273116365144</v>
      </c>
      <c r="E68" s="266">
        <v>0.26637725152457892</v>
      </c>
      <c r="F68" s="275">
        <v>1.4908813318692257E-2</v>
      </c>
      <c r="G68" s="266">
        <v>0.37105151485892707</v>
      </c>
      <c r="H68" s="275">
        <v>1.6288464832602888E-2</v>
      </c>
      <c r="I68" s="49">
        <v>3513</v>
      </c>
      <c r="J68" s="50">
        <v>67.577772556268499</v>
      </c>
      <c r="K68" s="51">
        <v>0.76498159555816492</v>
      </c>
      <c r="L68" s="266">
        <v>0.29375257461215459</v>
      </c>
      <c r="M68" s="275">
        <v>1.5364353363018937E-2</v>
      </c>
      <c r="N68" s="266">
        <v>0.3271014953261957</v>
      </c>
      <c r="O68" s="275">
        <v>1.5824386942336503E-2</v>
      </c>
      <c r="P68" s="49">
        <v>3506</v>
      </c>
      <c r="Q68" s="50">
        <v>64.076642051783381</v>
      </c>
      <c r="R68" s="51">
        <v>0.80960608416473434</v>
      </c>
      <c r="S68" s="266">
        <v>0.36093909300008564</v>
      </c>
      <c r="T68" s="275">
        <v>1.6214590668248423E-2</v>
      </c>
      <c r="U68" s="266">
        <v>0.29767209858632715</v>
      </c>
      <c r="V68" s="275">
        <v>1.5438755758263732E-2</v>
      </c>
      <c r="W68" s="49">
        <v>3506</v>
      </c>
      <c r="X68" s="50">
        <v>69.35603935690294</v>
      </c>
      <c r="Y68" s="51">
        <v>0.86006341989208956</v>
      </c>
      <c r="Z68" s="266">
        <v>0.29645093274998163</v>
      </c>
      <c r="AA68" s="275">
        <v>1.5420493849944388E-2</v>
      </c>
      <c r="AB68" s="266">
        <v>0.41494752470408403</v>
      </c>
      <c r="AC68" s="275">
        <v>1.6633558727091127E-2</v>
      </c>
      <c r="AD68" s="49">
        <v>3507</v>
      </c>
      <c r="AE68" s="50">
        <v>71.939223780586431</v>
      </c>
      <c r="AF68" s="51">
        <v>0.75907590917583134</v>
      </c>
      <c r="AG68" s="266">
        <v>0.24840575209880325</v>
      </c>
      <c r="AH68" s="275">
        <v>1.4589980835254365E-2</v>
      </c>
      <c r="AI68" s="266">
        <v>0.44108522462831345</v>
      </c>
      <c r="AJ68" s="275">
        <v>1.6759289129489815E-2</v>
      </c>
      <c r="AK68" s="49">
        <v>3500</v>
      </c>
      <c r="AL68" s="50">
        <v>61.758635626394216</v>
      </c>
      <c r="AM68" s="51">
        <v>0.83583430222926502</v>
      </c>
      <c r="AN68" s="266">
        <v>0.41499130161793196</v>
      </c>
      <c r="AO68" s="275">
        <v>1.6648049325318787E-2</v>
      </c>
      <c r="AP68" s="266">
        <v>0.2584421719468955</v>
      </c>
      <c r="AQ68" s="275">
        <v>1.4796294089987715E-2</v>
      </c>
      <c r="AR68" s="49">
        <v>3508</v>
      </c>
      <c r="AS68" s="50">
        <v>63.824219254449147</v>
      </c>
      <c r="AT68" s="51">
        <v>0.84786993618243456</v>
      </c>
      <c r="AU68" s="266">
        <v>0.37955825197883186</v>
      </c>
      <c r="AV68" s="275">
        <v>1.637845445261624E-2</v>
      </c>
      <c r="AW68" s="266">
        <v>0.30303302671217563</v>
      </c>
      <c r="AX68" s="275">
        <v>1.5512957867430328E-2</v>
      </c>
    </row>
    <row r="69" spans="1:50" s="5" customFormat="1">
      <c r="A69" s="44" t="s">
        <v>534</v>
      </c>
      <c r="B69" s="69">
        <v>1638</v>
      </c>
      <c r="C69" s="70">
        <v>69.144649201952802</v>
      </c>
      <c r="D69" s="71">
        <v>1.0697876446994756</v>
      </c>
      <c r="E69" s="272">
        <v>0.27847263483256773</v>
      </c>
      <c r="F69" s="273">
        <v>2.2137012775632219E-2</v>
      </c>
      <c r="G69" s="274">
        <v>0.37445028426626104</v>
      </c>
      <c r="H69" s="273">
        <v>2.3891450269667512E-2</v>
      </c>
      <c r="I69" s="69">
        <v>1642</v>
      </c>
      <c r="J69" s="70">
        <v>65.399012627659815</v>
      </c>
      <c r="K69" s="71">
        <v>1.1356929914501852</v>
      </c>
      <c r="L69" s="272">
        <v>0.33645960710949269</v>
      </c>
      <c r="M69" s="273">
        <v>2.3299224901304816E-2</v>
      </c>
      <c r="N69" s="274">
        <v>0.31408430911180951</v>
      </c>
      <c r="O69" s="273">
        <v>2.2889833107834046E-2</v>
      </c>
      <c r="P69" s="69">
        <v>1636</v>
      </c>
      <c r="Q69" s="70">
        <v>63.084934772470326</v>
      </c>
      <c r="R69" s="71">
        <v>1.1852134123974098</v>
      </c>
      <c r="S69" s="272">
        <v>0.38270543027932452</v>
      </c>
      <c r="T69" s="273">
        <v>2.4007570672978096E-2</v>
      </c>
      <c r="U69" s="274">
        <v>0.2896031987681531</v>
      </c>
      <c r="V69" s="273">
        <v>2.2412369100898319E-2</v>
      </c>
      <c r="W69" s="69">
        <v>1644</v>
      </c>
      <c r="X69" s="70">
        <v>69.855513370480551</v>
      </c>
      <c r="Y69" s="71">
        <v>1.260559346275038</v>
      </c>
      <c r="Z69" s="272">
        <v>0.2893519238889819</v>
      </c>
      <c r="AA69" s="273">
        <v>2.2352131566361236E-2</v>
      </c>
      <c r="AB69" s="274">
        <v>0.43959419299124625</v>
      </c>
      <c r="AC69" s="273">
        <v>2.4453682684880362E-2</v>
      </c>
      <c r="AD69" s="69">
        <v>1643</v>
      </c>
      <c r="AE69" s="70">
        <v>74.409650735001506</v>
      </c>
      <c r="AF69" s="71">
        <v>1.0775816646343719</v>
      </c>
      <c r="AG69" s="272">
        <v>0.20543259913248357</v>
      </c>
      <c r="AH69" s="273">
        <v>1.9936206922711083E-2</v>
      </c>
      <c r="AI69" s="274">
        <v>0.48837516658184765</v>
      </c>
      <c r="AJ69" s="273">
        <v>2.4634080718682387E-2</v>
      </c>
      <c r="AK69" s="69">
        <v>1639</v>
      </c>
      <c r="AL69" s="70">
        <v>62.623269652145105</v>
      </c>
      <c r="AM69" s="71">
        <v>1.2451348747910034</v>
      </c>
      <c r="AN69" s="272">
        <v>0.41332338167213584</v>
      </c>
      <c r="AO69" s="273">
        <v>2.4298994735379238E-2</v>
      </c>
      <c r="AP69" s="274">
        <v>0.28640601351835804</v>
      </c>
      <c r="AQ69" s="273">
        <v>2.2318421597295659E-2</v>
      </c>
      <c r="AR69" s="69">
        <v>1638</v>
      </c>
      <c r="AS69" s="70">
        <v>63.515175297530782</v>
      </c>
      <c r="AT69" s="71">
        <v>1.2593594483645225</v>
      </c>
      <c r="AU69" s="272">
        <v>0.38441420734829224</v>
      </c>
      <c r="AV69" s="273">
        <v>2.401303629774889E-2</v>
      </c>
      <c r="AW69" s="274">
        <v>0.29637493517600821</v>
      </c>
      <c r="AX69" s="273">
        <v>2.2549909453284171E-2</v>
      </c>
    </row>
    <row r="70" spans="1:50" s="5" customFormat="1">
      <c r="A70" s="40" t="s">
        <v>535</v>
      </c>
      <c r="B70" s="49">
        <v>909</v>
      </c>
      <c r="C70" s="50">
        <v>71.180655089145489</v>
      </c>
      <c r="D70" s="51">
        <v>1.4054694363336153</v>
      </c>
      <c r="E70" s="266">
        <v>0.2328659153806798</v>
      </c>
      <c r="F70" s="275">
        <v>2.802465631837495E-2</v>
      </c>
      <c r="G70" s="266">
        <v>0.43971188757808011</v>
      </c>
      <c r="H70" s="275">
        <v>3.285582843698797E-2</v>
      </c>
      <c r="I70" s="49">
        <v>911</v>
      </c>
      <c r="J70" s="50">
        <v>65.967833753172329</v>
      </c>
      <c r="K70" s="51">
        <v>1.5132701436097478</v>
      </c>
      <c r="L70" s="266">
        <v>0.33422686903945831</v>
      </c>
      <c r="M70" s="275">
        <v>3.1205927176941151E-2</v>
      </c>
      <c r="N70" s="266">
        <v>0.3270972354971457</v>
      </c>
      <c r="O70" s="275">
        <v>3.1037818845769321E-2</v>
      </c>
      <c r="P70" s="49">
        <v>906</v>
      </c>
      <c r="Q70" s="50">
        <v>65.189366581928454</v>
      </c>
      <c r="R70" s="51">
        <v>1.547160655911066</v>
      </c>
      <c r="S70" s="266">
        <v>0.35060244625332238</v>
      </c>
      <c r="T70" s="275">
        <v>3.1648908889316492E-2</v>
      </c>
      <c r="U70" s="266">
        <v>0.32709456943835119</v>
      </c>
      <c r="V70" s="275">
        <v>3.1123007210501673E-2</v>
      </c>
      <c r="W70" s="49">
        <v>912</v>
      </c>
      <c r="X70" s="50">
        <v>71.829862166889939</v>
      </c>
      <c r="Y70" s="51">
        <v>1.666536527789066</v>
      </c>
      <c r="Z70" s="266">
        <v>0.27265765910293632</v>
      </c>
      <c r="AA70" s="275">
        <v>2.9461385268390629E-2</v>
      </c>
      <c r="AB70" s="266">
        <v>0.50171057500302008</v>
      </c>
      <c r="AC70" s="275">
        <v>3.3040738347304956E-2</v>
      </c>
      <c r="AD70" s="49">
        <v>910</v>
      </c>
      <c r="AE70" s="50">
        <v>77.837998804362385</v>
      </c>
      <c r="AF70" s="51">
        <v>1.3994227679762279</v>
      </c>
      <c r="AG70" s="266">
        <v>0.17701404328296175</v>
      </c>
      <c r="AH70" s="275">
        <v>2.5328576718567558E-2</v>
      </c>
      <c r="AI70" s="266">
        <v>0.580883846821312</v>
      </c>
      <c r="AJ70" s="275">
        <v>3.2645227794614866E-2</v>
      </c>
      <c r="AK70" s="49">
        <v>909</v>
      </c>
      <c r="AL70" s="50">
        <v>67.598701382662057</v>
      </c>
      <c r="AM70" s="51">
        <v>1.6542099541586954</v>
      </c>
      <c r="AN70" s="266">
        <v>0.31899567526821149</v>
      </c>
      <c r="AO70" s="275">
        <v>3.0870813866890601E-2</v>
      </c>
      <c r="AP70" s="266">
        <v>0.39114827579801054</v>
      </c>
      <c r="AQ70" s="275">
        <v>3.2308405466780814E-2</v>
      </c>
      <c r="AR70" s="49">
        <v>908</v>
      </c>
      <c r="AS70" s="50">
        <v>66.763386220691103</v>
      </c>
      <c r="AT70" s="51">
        <v>1.6793308334854049</v>
      </c>
      <c r="AU70" s="266">
        <v>0.34702349530728049</v>
      </c>
      <c r="AV70" s="275">
        <v>3.1539658819201392E-2</v>
      </c>
      <c r="AW70" s="266">
        <v>0.37781394593091377</v>
      </c>
      <c r="AX70" s="275">
        <v>3.2118287470347048E-2</v>
      </c>
    </row>
    <row r="71" spans="1:50" s="5" customFormat="1">
      <c r="A71" s="44" t="s">
        <v>536</v>
      </c>
      <c r="B71" s="69">
        <v>193</v>
      </c>
      <c r="C71" s="70">
        <v>71.784748726781373</v>
      </c>
      <c r="D71" s="71">
        <v>3.2862973864016878</v>
      </c>
      <c r="E71" s="272">
        <v>0.22478693933549554</v>
      </c>
      <c r="F71" s="273">
        <v>6.0000401203878583E-2</v>
      </c>
      <c r="G71" s="274">
        <v>0.48036298450433601</v>
      </c>
      <c r="H71" s="273">
        <v>7.1194291682109681E-2</v>
      </c>
      <c r="I71" s="69">
        <v>193</v>
      </c>
      <c r="J71" s="70">
        <v>65.401188144035601</v>
      </c>
      <c r="K71" s="71">
        <v>3.4363416010898487</v>
      </c>
      <c r="L71" s="272">
        <v>0.33531759070326733</v>
      </c>
      <c r="M71" s="273">
        <v>6.7435979016922457E-2</v>
      </c>
      <c r="N71" s="274">
        <v>0.32470212131494514</v>
      </c>
      <c r="O71" s="273">
        <v>6.6912455421103981E-2</v>
      </c>
      <c r="P71" s="69">
        <v>191</v>
      </c>
      <c r="Q71" s="70">
        <v>65.509835933753138</v>
      </c>
      <c r="R71" s="71">
        <v>3.4843458814504027</v>
      </c>
      <c r="S71" s="272">
        <v>0.30944097497844891</v>
      </c>
      <c r="T71" s="273">
        <v>6.6434734810164112E-2</v>
      </c>
      <c r="U71" s="274">
        <v>0.38375776673752232</v>
      </c>
      <c r="V71" s="273">
        <v>6.9730088649141819E-2</v>
      </c>
      <c r="W71" s="69">
        <v>193</v>
      </c>
      <c r="X71" s="70">
        <v>73.470787864860469</v>
      </c>
      <c r="Y71" s="71">
        <v>3.6008937261334455</v>
      </c>
      <c r="Z71" s="272">
        <v>0.22011075600004371</v>
      </c>
      <c r="AA71" s="273">
        <v>5.9577352762468304E-2</v>
      </c>
      <c r="AB71" s="274">
        <v>0.51352862029737933</v>
      </c>
      <c r="AC71" s="273">
        <v>7.122201413594316E-2</v>
      </c>
      <c r="AD71" s="69">
        <v>193</v>
      </c>
      <c r="AE71" s="70">
        <v>78.675833094304352</v>
      </c>
      <c r="AF71" s="71">
        <v>3.2432471280161863</v>
      </c>
      <c r="AG71" s="272">
        <v>0.1751325844108598</v>
      </c>
      <c r="AH71" s="273">
        <v>5.4948705630656014E-2</v>
      </c>
      <c r="AI71" s="274">
        <v>0.6330563591520868</v>
      </c>
      <c r="AJ71" s="273">
        <v>6.8783136038712514E-2</v>
      </c>
      <c r="AK71" s="69">
        <v>191</v>
      </c>
      <c r="AL71" s="70">
        <v>66.945412586175593</v>
      </c>
      <c r="AM71" s="71">
        <v>3.8225158800924115</v>
      </c>
      <c r="AN71" s="272">
        <v>0.31059376501199049</v>
      </c>
      <c r="AO71" s="273">
        <v>6.6499580317672391E-2</v>
      </c>
      <c r="AP71" s="274">
        <v>0.42454231460767256</v>
      </c>
      <c r="AQ71" s="273">
        <v>7.082478723360125E-2</v>
      </c>
      <c r="AR71" s="69">
        <v>192</v>
      </c>
      <c r="AS71" s="70">
        <v>67.039776965458842</v>
      </c>
      <c r="AT71" s="71">
        <v>3.9204469648991056</v>
      </c>
      <c r="AU71" s="272">
        <v>0.32717573519082832</v>
      </c>
      <c r="AV71" s="273">
        <v>6.7209457070837531E-2</v>
      </c>
      <c r="AW71" s="274">
        <v>0.42049721211222546</v>
      </c>
      <c r="AX71" s="273">
        <v>7.0556774313336401E-2</v>
      </c>
    </row>
    <row r="72" spans="1:50" s="5" customFormat="1">
      <c r="A72" s="40" t="s">
        <v>537</v>
      </c>
      <c r="B72" s="49">
        <v>71</v>
      </c>
      <c r="C72" s="50">
        <v>73.135146118775111</v>
      </c>
      <c r="D72" s="51">
        <v>5.784116730145306</v>
      </c>
      <c r="E72" s="266">
        <v>0.22763761846312394</v>
      </c>
      <c r="F72" s="275">
        <v>9.8933080978456087E-2</v>
      </c>
      <c r="G72" s="266">
        <v>0.55728675889482526</v>
      </c>
      <c r="H72" s="275">
        <v>0.11478883759774008</v>
      </c>
      <c r="I72" s="49">
        <v>71</v>
      </c>
      <c r="J72" s="50">
        <v>65.591307671382481</v>
      </c>
      <c r="K72" s="51">
        <v>5.8595611180980809</v>
      </c>
      <c r="L72" s="266">
        <v>0.3827453879508767</v>
      </c>
      <c r="M72" s="275">
        <v>0.11258863666301668</v>
      </c>
      <c r="N72" s="266">
        <v>0.35039087016651055</v>
      </c>
      <c r="O72" s="275">
        <v>0.11074076631595328</v>
      </c>
      <c r="P72" s="49">
        <v>70</v>
      </c>
      <c r="Q72" s="50">
        <v>67.032789449956482</v>
      </c>
      <c r="R72" s="51">
        <v>5.9422301186178155</v>
      </c>
      <c r="S72" s="266">
        <v>0.27971395758587803</v>
      </c>
      <c r="T72" s="275">
        <v>0.10567116819348377</v>
      </c>
      <c r="U72" s="266">
        <v>0.47851920589924113</v>
      </c>
      <c r="V72" s="275">
        <v>0.11615160433493518</v>
      </c>
      <c r="W72" s="49">
        <v>71</v>
      </c>
      <c r="X72" s="50">
        <v>76.760918276188306</v>
      </c>
      <c r="Y72" s="51">
        <v>5.7496378944657636</v>
      </c>
      <c r="Z72" s="266">
        <v>0.16178539636016115</v>
      </c>
      <c r="AA72" s="275">
        <v>8.8690326966139155E-2</v>
      </c>
      <c r="AB72" s="266">
        <v>0.64009123505744836</v>
      </c>
      <c r="AC72" s="275">
        <v>0.11133421504718195</v>
      </c>
      <c r="AD72" s="49">
        <v>71</v>
      </c>
      <c r="AE72" s="50">
        <v>79.009510341202656</v>
      </c>
      <c r="AF72" s="51">
        <v>5.3771191058960417</v>
      </c>
      <c r="AG72" s="266">
        <v>0.16043218063379375</v>
      </c>
      <c r="AH72" s="275">
        <v>8.8442841131240069E-2</v>
      </c>
      <c r="AI72" s="266">
        <v>0.65938260448163322</v>
      </c>
      <c r="AJ72" s="275">
        <v>0.11008713204906996</v>
      </c>
      <c r="AK72" s="49">
        <v>71</v>
      </c>
      <c r="AL72" s="50">
        <v>67.578345316794127</v>
      </c>
      <c r="AM72" s="51">
        <v>6.6212609434198386</v>
      </c>
      <c r="AN72" s="266">
        <v>0.31171143131981066</v>
      </c>
      <c r="AO72" s="275">
        <v>0.10788343859864481</v>
      </c>
      <c r="AP72" s="266">
        <v>0.47143696785059469</v>
      </c>
      <c r="AQ72" s="275">
        <v>0.11530107978049561</v>
      </c>
      <c r="AR72" s="49">
        <v>71</v>
      </c>
      <c r="AS72" s="50">
        <v>65.148034044706989</v>
      </c>
      <c r="AT72" s="51">
        <v>6.6184684897468431</v>
      </c>
      <c r="AU72" s="266">
        <v>0.386178217600054</v>
      </c>
      <c r="AV72" s="275">
        <v>0.11275688539552603</v>
      </c>
      <c r="AW72" s="266">
        <v>0.40959823898461506</v>
      </c>
      <c r="AX72" s="275">
        <v>0.11376607730445634</v>
      </c>
    </row>
    <row r="73" spans="1:50" s="5" customFormat="1">
      <c r="A73" s="44" t="s">
        <v>546</v>
      </c>
      <c r="B73" s="69">
        <v>737</v>
      </c>
      <c r="C73" s="70">
        <v>68.342324038037518</v>
      </c>
      <c r="D73" s="71">
        <v>1.6184895158741142</v>
      </c>
      <c r="E73" s="272">
        <v>0.29711963996934415</v>
      </c>
      <c r="F73" s="273">
        <v>3.361147684432101E-2</v>
      </c>
      <c r="G73" s="274">
        <v>0.34691490173615619</v>
      </c>
      <c r="H73" s="273">
        <v>3.4991209982333571E-2</v>
      </c>
      <c r="I73" s="69">
        <v>739</v>
      </c>
      <c r="J73" s="70">
        <v>65.116551671942275</v>
      </c>
      <c r="K73" s="71">
        <v>1.7151968368008363</v>
      </c>
      <c r="L73" s="272">
        <v>0.33755017385303404</v>
      </c>
      <c r="M73" s="273">
        <v>3.4718125395348222E-2</v>
      </c>
      <c r="N73" s="274">
        <v>0.30776542824518732</v>
      </c>
      <c r="O73" s="273">
        <v>3.38981682569202E-2</v>
      </c>
      <c r="P73" s="69">
        <v>737</v>
      </c>
      <c r="Q73" s="70">
        <v>62.242458248110069</v>
      </c>
      <c r="R73" s="71">
        <v>1.8141429542693963</v>
      </c>
      <c r="S73" s="272">
        <v>0.39592324923499006</v>
      </c>
      <c r="T73" s="273">
        <v>3.5940020408649076E-2</v>
      </c>
      <c r="U73" s="274">
        <v>0.27548443230670194</v>
      </c>
      <c r="V73" s="273">
        <v>3.2868732397714241E-2</v>
      </c>
      <c r="W73" s="69">
        <v>740</v>
      </c>
      <c r="X73" s="70">
        <v>68.971765157529077</v>
      </c>
      <c r="Y73" s="71">
        <v>1.9011254485944904</v>
      </c>
      <c r="Z73" s="272">
        <v>0.29719966059950848</v>
      </c>
      <c r="AA73" s="273">
        <v>3.3546074065658772E-2</v>
      </c>
      <c r="AB73" s="274">
        <v>0.41304041244606821</v>
      </c>
      <c r="AC73" s="273">
        <v>3.610908823267503E-2</v>
      </c>
      <c r="AD73" s="69">
        <v>741</v>
      </c>
      <c r="AE73" s="70">
        <v>72.954029608229291</v>
      </c>
      <c r="AF73" s="71">
        <v>1.6433849818594646</v>
      </c>
      <c r="AG73" s="272">
        <v>0.21811935932619161</v>
      </c>
      <c r="AH73" s="273">
        <v>3.0335417104808811E-2</v>
      </c>
      <c r="AI73" s="274">
        <v>0.44919357523226372</v>
      </c>
      <c r="AJ73" s="273">
        <v>3.6449568091669771E-2</v>
      </c>
      <c r="AK73" s="69">
        <v>738</v>
      </c>
      <c r="AL73" s="70">
        <v>60.424562347595362</v>
      </c>
      <c r="AM73" s="71">
        <v>1.8227796179211997</v>
      </c>
      <c r="AN73" s="272">
        <v>0.45491236293370113</v>
      </c>
      <c r="AO73" s="273">
        <v>3.6563201856228432E-2</v>
      </c>
      <c r="AP73" s="274">
        <v>0.24115628453272875</v>
      </c>
      <c r="AQ73" s="273">
        <v>3.1470720279750432E-2</v>
      </c>
      <c r="AR73" s="69">
        <v>738</v>
      </c>
      <c r="AS73" s="70">
        <v>62.091624945003517</v>
      </c>
      <c r="AT73" s="71">
        <v>1.8705495993657755</v>
      </c>
      <c r="AU73" s="272">
        <v>0.40164115474498935</v>
      </c>
      <c r="AV73" s="273">
        <v>3.6001614465308675E-2</v>
      </c>
      <c r="AW73" s="274">
        <v>0.2606300326310762</v>
      </c>
      <c r="AX73" s="273">
        <v>3.228228938490732E-2</v>
      </c>
    </row>
    <row r="74" spans="1:50" s="5" customFormat="1">
      <c r="A74" s="40" t="s">
        <v>547</v>
      </c>
      <c r="B74" s="49">
        <v>119</v>
      </c>
      <c r="C74" s="50">
        <v>68.708625508200541</v>
      </c>
      <c r="D74" s="51">
        <v>4.2382489969148658</v>
      </c>
      <c r="E74" s="266">
        <v>0.27059135991140676</v>
      </c>
      <c r="F74" s="275">
        <v>8.0796642864056814E-2</v>
      </c>
      <c r="G74" s="266">
        <v>0.38235683514879459</v>
      </c>
      <c r="H74" s="275">
        <v>8.779977333669213E-2</v>
      </c>
      <c r="I74" s="49">
        <v>121</v>
      </c>
      <c r="J74" s="50">
        <v>62.773943457688091</v>
      </c>
      <c r="K74" s="51">
        <v>4.4302360886420571</v>
      </c>
      <c r="L74" s="266">
        <v>0.37678593335601313</v>
      </c>
      <c r="M74" s="275">
        <v>8.6860693418718812E-2</v>
      </c>
      <c r="N74" s="266">
        <v>0.27396967183933674</v>
      </c>
      <c r="O74" s="275">
        <v>8.0424417442706786E-2</v>
      </c>
      <c r="P74" s="49">
        <v>119</v>
      </c>
      <c r="Q74" s="50">
        <v>63.28751662980271</v>
      </c>
      <c r="R74" s="51">
        <v>4.721185466765788</v>
      </c>
      <c r="S74" s="266">
        <v>0.38863785896643599</v>
      </c>
      <c r="T74" s="275">
        <v>8.8048759844925412E-2</v>
      </c>
      <c r="U74" s="266">
        <v>0.30150101223144632</v>
      </c>
      <c r="V74" s="275">
        <v>8.3250860668276444E-2</v>
      </c>
      <c r="W74" s="49">
        <v>121</v>
      </c>
      <c r="X74" s="50">
        <v>68.047176648831396</v>
      </c>
      <c r="Y74" s="51">
        <v>5.1551117725711046</v>
      </c>
      <c r="Z74" s="266">
        <v>0.30291308624389829</v>
      </c>
      <c r="AA74" s="275">
        <v>8.267583754151403E-2</v>
      </c>
      <c r="AB74" s="266">
        <v>0.45347209276642064</v>
      </c>
      <c r="AC74" s="275">
        <v>8.9079108607969817E-2</v>
      </c>
      <c r="AD74" s="49">
        <v>121</v>
      </c>
      <c r="AE74" s="50">
        <v>72.828866279395726</v>
      </c>
      <c r="AF74" s="51">
        <v>4.155868970973458</v>
      </c>
      <c r="AG74" s="266">
        <v>0.23205208319526524</v>
      </c>
      <c r="AH74" s="275">
        <v>7.6467058360995349E-2</v>
      </c>
      <c r="AI74" s="266">
        <v>0.45614497751289074</v>
      </c>
      <c r="AJ74" s="275">
        <v>8.9119758781213212E-2</v>
      </c>
      <c r="AK74" s="49">
        <v>120</v>
      </c>
      <c r="AL74" s="50">
        <v>61.061795391080615</v>
      </c>
      <c r="AM74" s="51">
        <v>4.7126581539314927</v>
      </c>
      <c r="AN74" s="266">
        <v>0.43582779996066334</v>
      </c>
      <c r="AO74" s="275">
        <v>8.9107279592007232E-2</v>
      </c>
      <c r="AP74" s="266">
        <v>0.24563690899813131</v>
      </c>
      <c r="AQ74" s="275">
        <v>7.816573020415285E-2</v>
      </c>
      <c r="AR74" s="49">
        <v>120</v>
      </c>
      <c r="AS74" s="50">
        <v>62.511391269227211</v>
      </c>
      <c r="AT74" s="51">
        <v>4.8055082889360063</v>
      </c>
      <c r="AU74" s="266">
        <v>0.41373380703063639</v>
      </c>
      <c r="AV74" s="275">
        <v>8.8542047570784682E-2</v>
      </c>
      <c r="AW74" s="266">
        <v>0.27811487335230528</v>
      </c>
      <c r="AX74" s="275">
        <v>8.1099716148866796E-2</v>
      </c>
    </row>
    <row r="75" spans="1:50" s="5" customFormat="1">
      <c r="A75" s="44" t="s">
        <v>548</v>
      </c>
      <c r="B75" s="69">
        <v>96</v>
      </c>
      <c r="C75" s="70">
        <v>69.393797665177843</v>
      </c>
      <c r="D75" s="71">
        <v>4.1470837134091463</v>
      </c>
      <c r="E75" s="272">
        <v>0.26513898916582113</v>
      </c>
      <c r="F75" s="273">
        <v>8.925577306408719E-2</v>
      </c>
      <c r="G75" s="274">
        <v>0.33410799003744063</v>
      </c>
      <c r="H75" s="273">
        <v>9.4791860725229882E-2</v>
      </c>
      <c r="I75" s="69">
        <v>97</v>
      </c>
      <c r="J75" s="70">
        <v>66.483570060733015</v>
      </c>
      <c r="K75" s="71">
        <v>4.6816299175551084</v>
      </c>
      <c r="L75" s="272">
        <v>0.37400405490929678</v>
      </c>
      <c r="M75" s="273">
        <v>9.6545797135523068E-2</v>
      </c>
      <c r="N75" s="274">
        <v>0.34542986566785294</v>
      </c>
      <c r="O75" s="273">
        <v>9.5017044751457072E-2</v>
      </c>
      <c r="P75" s="69">
        <v>97</v>
      </c>
      <c r="Q75" s="70">
        <v>62.040424194451653</v>
      </c>
      <c r="R75" s="71">
        <v>4.9599703525936238</v>
      </c>
      <c r="S75" s="272">
        <v>0.44570114584090648</v>
      </c>
      <c r="T75" s="273">
        <v>9.8961047224104148E-2</v>
      </c>
      <c r="U75" s="274">
        <v>0.26626690519288831</v>
      </c>
      <c r="V75" s="273">
        <v>8.8912098859069963E-2</v>
      </c>
      <c r="W75" s="69">
        <v>97</v>
      </c>
      <c r="X75" s="70">
        <v>66.802387077611741</v>
      </c>
      <c r="Y75" s="71">
        <v>5.6686709112851092</v>
      </c>
      <c r="Z75" s="272">
        <v>0.40568371092252742</v>
      </c>
      <c r="AA75" s="273">
        <v>9.7857257968074041E-2</v>
      </c>
      <c r="AB75" s="274">
        <v>0.46619662418560126</v>
      </c>
      <c r="AC75" s="273">
        <v>9.9293753188515091E-2</v>
      </c>
      <c r="AD75" s="69">
        <v>95</v>
      </c>
      <c r="AE75" s="70">
        <v>78.653297071797354</v>
      </c>
      <c r="AF75" s="71">
        <v>4.3099338266824159</v>
      </c>
      <c r="AG75" s="272">
        <v>0.14881426650096791</v>
      </c>
      <c r="AH75" s="273">
        <v>7.4245951906245569E-2</v>
      </c>
      <c r="AI75" s="274">
        <v>0.53441483415723245</v>
      </c>
      <c r="AJ75" s="273">
        <v>0.10028432171379051</v>
      </c>
      <c r="AK75" s="69">
        <v>97</v>
      </c>
      <c r="AL75" s="70">
        <v>64.25584623801042</v>
      </c>
      <c r="AM75" s="71">
        <v>4.9816734253926782</v>
      </c>
      <c r="AN75" s="272">
        <v>0.41264960568327735</v>
      </c>
      <c r="AO75" s="273">
        <v>9.8093167410636922E-2</v>
      </c>
      <c r="AP75" s="274">
        <v>0.29117012020514321</v>
      </c>
      <c r="AQ75" s="273">
        <v>9.1147998741031341E-2</v>
      </c>
      <c r="AR75" s="69">
        <v>97</v>
      </c>
      <c r="AS75" s="70">
        <v>64.830162892096908</v>
      </c>
      <c r="AT75" s="71">
        <v>4.862705774598493</v>
      </c>
      <c r="AU75" s="272">
        <v>0.4006661565259787</v>
      </c>
      <c r="AV75" s="273">
        <v>9.7675736006333211E-2</v>
      </c>
      <c r="AW75" s="274">
        <v>0.29539543787810996</v>
      </c>
      <c r="AX75" s="273">
        <v>9.1497377642956595E-2</v>
      </c>
    </row>
    <row r="76" spans="1:50" s="5" customFormat="1">
      <c r="A76" s="40" t="s">
        <v>538</v>
      </c>
      <c r="B76" s="66">
        <v>125</v>
      </c>
      <c r="C76" s="67">
        <v>73.650785822494043</v>
      </c>
      <c r="D76" s="68">
        <v>3.5942280088946186</v>
      </c>
      <c r="E76" s="269">
        <v>0.17301032314277667</v>
      </c>
      <c r="F76" s="270">
        <v>6.8109757450846478E-2</v>
      </c>
      <c r="G76" s="271">
        <v>0.5231426041675673</v>
      </c>
      <c r="H76" s="270">
        <v>8.795649368412542E-2</v>
      </c>
      <c r="I76" s="66">
        <v>125</v>
      </c>
      <c r="J76" s="67">
        <v>66.850223374145884</v>
      </c>
      <c r="K76" s="68">
        <v>3.9946294682219392</v>
      </c>
      <c r="L76" s="269">
        <v>0.28697539415180678</v>
      </c>
      <c r="M76" s="270">
        <v>8.0191846961796626E-2</v>
      </c>
      <c r="N76" s="271">
        <v>0.31645464574669424</v>
      </c>
      <c r="O76" s="270">
        <v>8.2286688409845862E-2</v>
      </c>
      <c r="P76" s="66">
        <v>123</v>
      </c>
      <c r="Q76" s="67">
        <v>67.3282185556358</v>
      </c>
      <c r="R76" s="68">
        <v>4.1955501382389411</v>
      </c>
      <c r="S76" s="269">
        <v>0.29323345772388815</v>
      </c>
      <c r="T76" s="270">
        <v>8.1307862746107074E-2</v>
      </c>
      <c r="U76" s="271">
        <v>0.33303664713831432</v>
      </c>
      <c r="V76" s="270">
        <v>8.3966922893648488E-2</v>
      </c>
      <c r="W76" s="66">
        <v>126</v>
      </c>
      <c r="X76" s="67">
        <v>75.627877657226293</v>
      </c>
      <c r="Y76" s="68">
        <v>4.3398920575983162</v>
      </c>
      <c r="Z76" s="269">
        <v>0.21845362958360198</v>
      </c>
      <c r="AA76" s="270">
        <v>7.3491945593490496E-2</v>
      </c>
      <c r="AB76" s="271">
        <v>0.5779429984989326</v>
      </c>
      <c r="AC76" s="270">
        <v>8.6698946916883901E-2</v>
      </c>
      <c r="AD76" s="66">
        <v>126</v>
      </c>
      <c r="AE76" s="67">
        <v>79.551765484246005</v>
      </c>
      <c r="AF76" s="68">
        <v>3.717065408273402</v>
      </c>
      <c r="AG76" s="269">
        <v>0.14617707508993022</v>
      </c>
      <c r="AH76" s="270">
        <v>6.382544822934709E-2</v>
      </c>
      <c r="AI76" s="271">
        <v>0.59239049439059233</v>
      </c>
      <c r="AJ76" s="270">
        <v>8.6287748955386531E-2</v>
      </c>
      <c r="AK76" s="66">
        <v>126</v>
      </c>
      <c r="AL76" s="67">
        <v>69.100912926444167</v>
      </c>
      <c r="AM76" s="68">
        <v>4.2682324210380109</v>
      </c>
      <c r="AN76" s="269">
        <v>0.28319347746289675</v>
      </c>
      <c r="AO76" s="270">
        <v>7.9584120860706986E-2</v>
      </c>
      <c r="AP76" s="271">
        <v>0.38115252644909359</v>
      </c>
      <c r="AQ76" s="270">
        <v>8.5346554916254994E-2</v>
      </c>
      <c r="AR76" s="66">
        <v>125</v>
      </c>
      <c r="AS76" s="67">
        <v>67.249364075592155</v>
      </c>
      <c r="AT76" s="68">
        <v>4.5633866474066194</v>
      </c>
      <c r="AU76" s="269">
        <v>0.33075084616686601</v>
      </c>
      <c r="AV76" s="270">
        <v>8.317416736645819E-2</v>
      </c>
      <c r="AW76" s="271">
        <v>0.4077082423873018</v>
      </c>
      <c r="AX76" s="270">
        <v>8.6625322669287783E-2</v>
      </c>
    </row>
    <row r="77" spans="1:50">
      <c r="A77" s="44" t="s">
        <v>539</v>
      </c>
      <c r="B77" s="69">
        <v>95</v>
      </c>
      <c r="C77" s="70">
        <v>72.20410530538102</v>
      </c>
      <c r="D77" s="71">
        <v>4.3088042080222984</v>
      </c>
      <c r="E77" s="272">
        <v>0.17846131209006846</v>
      </c>
      <c r="F77" s="273">
        <v>7.9085329053160694E-2</v>
      </c>
      <c r="G77" s="274">
        <v>0.50682223694420403</v>
      </c>
      <c r="H77" s="273">
        <v>0.100495166403927</v>
      </c>
      <c r="I77" s="69">
        <v>95</v>
      </c>
      <c r="J77" s="70">
        <v>66.428771241984592</v>
      </c>
      <c r="K77" s="71">
        <v>4.5582012481344787</v>
      </c>
      <c r="L77" s="272">
        <v>0.30326211499661887</v>
      </c>
      <c r="M77" s="273">
        <v>9.3064278635409642E-2</v>
      </c>
      <c r="N77" s="274">
        <v>0.30816285181108805</v>
      </c>
      <c r="O77" s="273">
        <v>9.3444152506160089E-2</v>
      </c>
      <c r="P77" s="69">
        <v>93</v>
      </c>
      <c r="Q77" s="70">
        <v>66.864404609590352</v>
      </c>
      <c r="R77" s="71">
        <v>4.7661387826282553</v>
      </c>
      <c r="S77" s="272">
        <v>0.30684862942624791</v>
      </c>
      <c r="T77" s="273">
        <v>9.4313801724247498E-2</v>
      </c>
      <c r="U77" s="274">
        <v>0.31071670447819866</v>
      </c>
      <c r="V77" s="273">
        <v>9.461060914399097E-2</v>
      </c>
      <c r="W77" s="69">
        <v>96</v>
      </c>
      <c r="X77" s="70">
        <v>74.390928000517363</v>
      </c>
      <c r="Y77" s="71">
        <v>5.057657507816665</v>
      </c>
      <c r="Z77" s="272">
        <v>0.23864671062506446</v>
      </c>
      <c r="AA77" s="273">
        <v>8.6498465330959895E-2</v>
      </c>
      <c r="AB77" s="274">
        <v>0.55454083531598175</v>
      </c>
      <c r="AC77" s="273">
        <v>9.9450191347436837E-2</v>
      </c>
      <c r="AD77" s="69">
        <v>96</v>
      </c>
      <c r="AE77" s="70">
        <v>78.282760467782822</v>
      </c>
      <c r="AF77" s="71">
        <v>4.467602363370422</v>
      </c>
      <c r="AG77" s="272">
        <v>0.16487846965266983</v>
      </c>
      <c r="AH77" s="273">
        <v>7.6550214840113054E-2</v>
      </c>
      <c r="AI77" s="274">
        <v>0.58203627172331951</v>
      </c>
      <c r="AJ77" s="273">
        <v>9.8751744934900965E-2</v>
      </c>
      <c r="AK77" s="69">
        <v>96</v>
      </c>
      <c r="AL77" s="70">
        <v>67.432841285729452</v>
      </c>
      <c r="AM77" s="71">
        <v>5.0127198315534383</v>
      </c>
      <c r="AN77" s="272">
        <v>0.30538620664913824</v>
      </c>
      <c r="AO77" s="273">
        <v>9.2756635229374551E-2</v>
      </c>
      <c r="AP77" s="274">
        <v>0.3493436215495544</v>
      </c>
      <c r="AQ77" s="273">
        <v>9.5725049476222665E-2</v>
      </c>
      <c r="AR77" s="69">
        <v>95</v>
      </c>
      <c r="AS77" s="70">
        <v>65.364359603549147</v>
      </c>
      <c r="AT77" s="71">
        <v>5.2342787891800029</v>
      </c>
      <c r="AU77" s="272">
        <v>0.35845413839310664</v>
      </c>
      <c r="AV77" s="273">
        <v>9.6724344418509217E-2</v>
      </c>
      <c r="AW77" s="274">
        <v>0.38431731573548544</v>
      </c>
      <c r="AX77" s="273">
        <v>9.7995481784360058E-2</v>
      </c>
    </row>
    <row r="78" spans="1:50">
      <c r="A78" s="40" t="s">
        <v>540</v>
      </c>
      <c r="B78" s="49">
        <v>257</v>
      </c>
      <c r="C78" s="50">
        <v>73.772210752653677</v>
      </c>
      <c r="D78" s="51">
        <v>2.5132711424090797</v>
      </c>
      <c r="E78" s="266">
        <v>0.19718714732571271</v>
      </c>
      <c r="F78" s="275">
        <v>4.9687673250904722E-2</v>
      </c>
      <c r="G78" s="266">
        <v>0.46883474811983733</v>
      </c>
      <c r="H78" s="275">
        <v>6.1781752785316287E-2</v>
      </c>
      <c r="I78" s="49">
        <v>259</v>
      </c>
      <c r="J78" s="50">
        <v>67.417379792631962</v>
      </c>
      <c r="K78" s="51">
        <v>2.7086760004460753</v>
      </c>
      <c r="L78" s="266">
        <v>0.29670256304804798</v>
      </c>
      <c r="M78" s="275">
        <v>5.6503679142107688E-2</v>
      </c>
      <c r="N78" s="266">
        <v>0.3167700648437301</v>
      </c>
      <c r="O78" s="275">
        <v>5.7507184288184778E-2</v>
      </c>
      <c r="P78" s="49">
        <v>259</v>
      </c>
      <c r="Q78" s="50">
        <v>67.066999359148397</v>
      </c>
      <c r="R78" s="51">
        <v>2.7814903971830596</v>
      </c>
      <c r="S78" s="266">
        <v>0.31025675022593402</v>
      </c>
      <c r="T78" s="275">
        <v>5.7194791469900239E-2</v>
      </c>
      <c r="U78" s="266">
        <v>0.34217743246086824</v>
      </c>
      <c r="V78" s="275">
        <v>5.8607923547364174E-2</v>
      </c>
      <c r="W78" s="49">
        <v>259</v>
      </c>
      <c r="X78" s="50">
        <v>75.22476886502767</v>
      </c>
      <c r="Y78" s="51">
        <v>2.9023771319204181</v>
      </c>
      <c r="Z78" s="266">
        <v>0.22690528625510342</v>
      </c>
      <c r="AA78" s="275">
        <v>5.1982834346737151E-2</v>
      </c>
      <c r="AB78" s="266">
        <v>0.53359614909792941</v>
      </c>
      <c r="AC78" s="275">
        <v>6.1527498046735379E-2</v>
      </c>
      <c r="AD78" s="49">
        <v>259</v>
      </c>
      <c r="AE78" s="50">
        <v>78.102693267600102</v>
      </c>
      <c r="AF78" s="51">
        <v>2.313765934094409</v>
      </c>
      <c r="AG78" s="266">
        <v>0.16131457508070585</v>
      </c>
      <c r="AH78" s="275">
        <v>4.5938437923940291E-2</v>
      </c>
      <c r="AI78" s="266">
        <v>0.54525203897958918</v>
      </c>
      <c r="AJ78" s="275">
        <v>6.1417237665473821E-2</v>
      </c>
      <c r="AK78" s="49">
        <v>258</v>
      </c>
      <c r="AL78" s="50">
        <v>69.591136941700327</v>
      </c>
      <c r="AM78" s="51">
        <v>2.8984046645720425</v>
      </c>
      <c r="AN78" s="266">
        <v>0.29048554285011757</v>
      </c>
      <c r="AO78" s="275">
        <v>5.6275468314331611E-2</v>
      </c>
      <c r="AP78" s="266">
        <v>0.41731311787154579</v>
      </c>
      <c r="AQ78" s="275">
        <v>6.0955502844451635E-2</v>
      </c>
      <c r="AR78" s="49">
        <v>258</v>
      </c>
      <c r="AS78" s="50">
        <v>69.21778130576061</v>
      </c>
      <c r="AT78" s="51">
        <v>2.9867526936309985</v>
      </c>
      <c r="AU78" s="266">
        <v>0.26579732017387703</v>
      </c>
      <c r="AV78" s="275">
        <v>5.4815604320741881E-2</v>
      </c>
      <c r="AW78" s="266">
        <v>0.35939442181813691</v>
      </c>
      <c r="AX78" s="275">
        <v>5.9364204551122464E-2</v>
      </c>
    </row>
    <row r="79" spans="1:50" ht="25.5">
      <c r="A79" s="44" t="s">
        <v>541</v>
      </c>
      <c r="B79" s="69">
        <v>108</v>
      </c>
      <c r="C79" s="70">
        <v>78.716024171593872</v>
      </c>
      <c r="D79" s="71">
        <v>3.4866499866902787</v>
      </c>
      <c r="E79" s="272">
        <v>0.12376725419153481</v>
      </c>
      <c r="F79" s="273">
        <v>6.5021744300933021E-2</v>
      </c>
      <c r="G79" s="274">
        <v>0.57892635197821651</v>
      </c>
      <c r="H79" s="273">
        <v>9.3390049995937627E-2</v>
      </c>
      <c r="I79" s="69">
        <v>110</v>
      </c>
      <c r="J79" s="70">
        <v>69.350759676490966</v>
      </c>
      <c r="K79" s="71">
        <v>4.2640229498722126</v>
      </c>
      <c r="L79" s="272">
        <v>0.26681898726249414</v>
      </c>
      <c r="M79" s="273">
        <v>8.3639860750594056E-2</v>
      </c>
      <c r="N79" s="274">
        <v>0.35239105598975101</v>
      </c>
      <c r="O79" s="273">
        <v>8.977824248057481E-2</v>
      </c>
      <c r="P79" s="69">
        <v>110</v>
      </c>
      <c r="Q79" s="70">
        <v>70.212676682534266</v>
      </c>
      <c r="R79" s="71">
        <v>4.1876827723207777</v>
      </c>
      <c r="S79" s="272">
        <v>0.2649167194738053</v>
      </c>
      <c r="T79" s="273">
        <v>8.3465719141765649E-2</v>
      </c>
      <c r="U79" s="274">
        <v>0.42742303584032321</v>
      </c>
      <c r="V79" s="273">
        <v>9.2735379518902594E-2</v>
      </c>
      <c r="W79" s="69">
        <v>111</v>
      </c>
      <c r="X79" s="70">
        <v>80.078611881254972</v>
      </c>
      <c r="Y79" s="71">
        <v>3.6512595626965343</v>
      </c>
      <c r="Z79" s="272">
        <v>0.15594644030328275</v>
      </c>
      <c r="AA79" s="273">
        <v>6.9712096193627976E-2</v>
      </c>
      <c r="AB79" s="274">
        <v>0.58792266436941898</v>
      </c>
      <c r="AC79" s="273">
        <v>9.18974890568557E-2</v>
      </c>
      <c r="AD79" s="69">
        <v>111</v>
      </c>
      <c r="AE79" s="70">
        <v>81.451080525947248</v>
      </c>
      <c r="AF79" s="71">
        <v>2.9744856660369088</v>
      </c>
      <c r="AG79" s="272">
        <v>0.11921081278252865</v>
      </c>
      <c r="AH79" s="273">
        <v>6.3221117490108489E-2</v>
      </c>
      <c r="AI79" s="274">
        <v>0.60861257750354181</v>
      </c>
      <c r="AJ79" s="273">
        <v>9.1177738598971741E-2</v>
      </c>
      <c r="AK79" s="69">
        <v>110</v>
      </c>
      <c r="AL79" s="70">
        <v>75.269425464996345</v>
      </c>
      <c r="AM79" s="71">
        <v>3.7004122747484032</v>
      </c>
      <c r="AN79" s="272">
        <v>0.19477581095235594</v>
      </c>
      <c r="AO79" s="273">
        <v>7.5686604300951546E-2</v>
      </c>
      <c r="AP79" s="274">
        <v>0.51795088817832269</v>
      </c>
      <c r="AQ79" s="273">
        <v>9.3602365736104365E-2</v>
      </c>
      <c r="AR79" s="69">
        <v>110</v>
      </c>
      <c r="AS79" s="70">
        <v>72.953733647030063</v>
      </c>
      <c r="AT79" s="71">
        <v>4.4054974175390909</v>
      </c>
      <c r="AU79" s="272">
        <v>0.21162801344145493</v>
      </c>
      <c r="AV79" s="273">
        <v>7.7815547637170107E-2</v>
      </c>
      <c r="AW79" s="274">
        <v>0.43208010583805662</v>
      </c>
      <c r="AX79" s="273">
        <v>9.2850556349869079E-2</v>
      </c>
    </row>
    <row r="80" spans="1:50" ht="25.5">
      <c r="A80" s="52" t="s">
        <v>549</v>
      </c>
      <c r="B80" s="66">
        <v>68</v>
      </c>
      <c r="C80" s="67">
        <v>70.171086204619613</v>
      </c>
      <c r="D80" s="68">
        <v>5.3515727466779426</v>
      </c>
      <c r="E80" s="269">
        <v>0.21241623842440732</v>
      </c>
      <c r="F80" s="270">
        <v>9.8947151863464658E-2</v>
      </c>
      <c r="G80" s="271">
        <v>0.44799870646240836</v>
      </c>
      <c r="H80" s="270">
        <v>0.11728123340651592</v>
      </c>
      <c r="I80" s="66">
        <v>68</v>
      </c>
      <c r="J80" s="67">
        <v>68.622203619701736</v>
      </c>
      <c r="K80" s="68">
        <v>5.056021423656313</v>
      </c>
      <c r="L80" s="269">
        <v>0.27750334802050608</v>
      </c>
      <c r="M80" s="270">
        <v>0.10693793015187664</v>
      </c>
      <c r="N80" s="271">
        <v>0.3342840012090677</v>
      </c>
      <c r="O80" s="270">
        <v>0.1119287370947441</v>
      </c>
      <c r="P80" s="66">
        <v>68</v>
      </c>
      <c r="Q80" s="67">
        <v>63.944366487530985</v>
      </c>
      <c r="R80" s="68">
        <v>5.5139690282085159</v>
      </c>
      <c r="S80" s="269">
        <v>0.2843809705753082</v>
      </c>
      <c r="T80" s="270">
        <v>0.10763381108639102</v>
      </c>
      <c r="U80" s="271">
        <v>0.281285328348993</v>
      </c>
      <c r="V80" s="270">
        <v>0.10732385391974336</v>
      </c>
      <c r="W80" s="66">
        <v>68</v>
      </c>
      <c r="X80" s="67">
        <v>69.222135244334893</v>
      </c>
      <c r="Y80" s="68">
        <v>6.2772261600340036</v>
      </c>
      <c r="Z80" s="269">
        <v>0.3047191173472566</v>
      </c>
      <c r="AA80" s="270">
        <v>0.10954067173733509</v>
      </c>
      <c r="AB80" s="271">
        <v>0.48254319675872215</v>
      </c>
      <c r="AC80" s="270">
        <v>0.11778704405805489</v>
      </c>
      <c r="AD80" s="66">
        <v>68</v>
      </c>
      <c r="AE80" s="67">
        <v>83.92580666891952</v>
      </c>
      <c r="AF80" s="68">
        <v>3.9419846189636831</v>
      </c>
      <c r="AG80" s="269">
        <v>6.2226687196892193E-2</v>
      </c>
      <c r="AH80" s="270">
        <v>6.6272572553672249E-2</v>
      </c>
      <c r="AI80" s="271">
        <v>0.7002000399170315</v>
      </c>
      <c r="AJ80" s="270">
        <v>0.10909974531347481</v>
      </c>
      <c r="AK80" s="66">
        <v>68</v>
      </c>
      <c r="AL80" s="67">
        <v>69.372215351825787</v>
      </c>
      <c r="AM80" s="68">
        <v>6.5376980032372094</v>
      </c>
      <c r="AN80" s="269">
        <v>0.2363356068145826</v>
      </c>
      <c r="AO80" s="270">
        <v>0.10219557687856576</v>
      </c>
      <c r="AP80" s="271">
        <v>0.45726754928855073</v>
      </c>
      <c r="AQ80" s="270">
        <v>0.11746659039850052</v>
      </c>
      <c r="AR80" s="66">
        <v>67</v>
      </c>
      <c r="AS80" s="67">
        <v>67.990603947512383</v>
      </c>
      <c r="AT80" s="68">
        <v>5.7327068284145168</v>
      </c>
      <c r="AU80" s="269">
        <v>0.27807271185052396</v>
      </c>
      <c r="AV80" s="270">
        <v>0.10776642578272189</v>
      </c>
      <c r="AW80" s="271">
        <v>0.31277082641805004</v>
      </c>
      <c r="AX80" s="270">
        <v>0.11102183674884294</v>
      </c>
    </row>
    <row r="81" spans="1:50">
      <c r="A81" s="44" t="s">
        <v>543</v>
      </c>
      <c r="B81" s="69">
        <v>81</v>
      </c>
      <c r="C81" s="70">
        <v>69.749876215255426</v>
      </c>
      <c r="D81" s="71">
        <v>4.6044680930323638</v>
      </c>
      <c r="E81" s="272">
        <v>0.28200592203390962</v>
      </c>
      <c r="F81" s="273">
        <v>9.866066580881902E-2</v>
      </c>
      <c r="G81" s="274">
        <v>0.34033944036153874</v>
      </c>
      <c r="H81" s="273">
        <v>0.10332160036285414</v>
      </c>
      <c r="I81" s="69">
        <v>81</v>
      </c>
      <c r="J81" s="70">
        <v>64.107143523758083</v>
      </c>
      <c r="K81" s="71">
        <v>4.8802391663716289</v>
      </c>
      <c r="L81" s="272">
        <v>0.34824589150356777</v>
      </c>
      <c r="M81" s="273">
        <v>0.10382953355438429</v>
      </c>
      <c r="N81" s="274">
        <v>0.25885320090045438</v>
      </c>
      <c r="O81" s="273">
        <v>9.6330937146178103E-2</v>
      </c>
      <c r="P81" s="69">
        <v>81</v>
      </c>
      <c r="Q81" s="70">
        <v>65.012878247016374</v>
      </c>
      <c r="R81" s="71">
        <v>5.0047461248114233</v>
      </c>
      <c r="S81" s="272">
        <v>0.38634701781515984</v>
      </c>
      <c r="T81" s="273">
        <v>0.10589009001001298</v>
      </c>
      <c r="U81" s="274">
        <v>0.27095146789832369</v>
      </c>
      <c r="V81" s="273">
        <v>9.7584546550144396E-2</v>
      </c>
      <c r="W81" s="69">
        <v>80</v>
      </c>
      <c r="X81" s="70">
        <v>72.709472417470948</v>
      </c>
      <c r="Y81" s="71">
        <v>5.738676879381635</v>
      </c>
      <c r="Z81" s="272">
        <v>0.27032173101175472</v>
      </c>
      <c r="AA81" s="273">
        <v>9.8113705580531688E-2</v>
      </c>
      <c r="AB81" s="274">
        <v>0.49465890760964859</v>
      </c>
      <c r="AC81" s="273">
        <v>0.10910329856805967</v>
      </c>
      <c r="AD81" s="69">
        <v>80</v>
      </c>
      <c r="AE81" s="70">
        <v>69.861361046689993</v>
      </c>
      <c r="AF81" s="71">
        <v>4.956635965864475</v>
      </c>
      <c r="AG81" s="272">
        <v>0.28191699669584208</v>
      </c>
      <c r="AH81" s="273">
        <v>9.9249925015514745E-2</v>
      </c>
      <c r="AI81" s="274">
        <v>0.35993330439887378</v>
      </c>
      <c r="AJ81" s="273">
        <v>0.10515414527121481</v>
      </c>
      <c r="AK81" s="69">
        <v>80</v>
      </c>
      <c r="AL81" s="70">
        <v>62.216788436990008</v>
      </c>
      <c r="AM81" s="71">
        <v>5.2603990848266973</v>
      </c>
      <c r="AN81" s="272">
        <v>0.453320397097636</v>
      </c>
      <c r="AO81" s="273">
        <v>0.10867680264044884</v>
      </c>
      <c r="AP81" s="274">
        <v>0.25740979655005614</v>
      </c>
      <c r="AQ81" s="273">
        <v>9.6762179992760045E-2</v>
      </c>
      <c r="AR81" s="69">
        <v>81</v>
      </c>
      <c r="AS81" s="70">
        <v>65.152030480812058</v>
      </c>
      <c r="AT81" s="71">
        <v>5.6560195001331364</v>
      </c>
      <c r="AU81" s="272">
        <v>0.32836391751530164</v>
      </c>
      <c r="AV81" s="273">
        <v>0.10249784478837584</v>
      </c>
      <c r="AW81" s="274">
        <v>0.29519665452126742</v>
      </c>
      <c r="AX81" s="273">
        <v>9.986117696124118E-2</v>
      </c>
    </row>
    <row r="82" spans="1:50">
      <c r="A82" s="52" t="s">
        <v>544</v>
      </c>
      <c r="B82" s="66">
        <v>111</v>
      </c>
      <c r="C82" s="67">
        <v>70.804157134359741</v>
      </c>
      <c r="D82" s="68">
        <v>3.8574371945460268</v>
      </c>
      <c r="E82" s="269">
        <v>0.25471588024706288</v>
      </c>
      <c r="F82" s="270">
        <v>8.2134196574144211E-2</v>
      </c>
      <c r="G82" s="271">
        <v>0.46935159336082227</v>
      </c>
      <c r="H82" s="270">
        <v>9.3087127599005115E-2</v>
      </c>
      <c r="I82" s="66">
        <v>109</v>
      </c>
      <c r="J82" s="67">
        <v>68.446652279249761</v>
      </c>
      <c r="K82" s="68">
        <v>3.9386369403141197</v>
      </c>
      <c r="L82" s="269">
        <v>0.30718642807028856</v>
      </c>
      <c r="M82" s="270">
        <v>8.732167112783612E-2</v>
      </c>
      <c r="N82" s="271">
        <v>0.40649342167217484</v>
      </c>
      <c r="O82" s="270">
        <v>9.2528794154576183E-2</v>
      </c>
      <c r="P82" s="66">
        <v>111</v>
      </c>
      <c r="Q82" s="67">
        <v>66.369720350829695</v>
      </c>
      <c r="R82" s="68">
        <v>4.0577959506446319</v>
      </c>
      <c r="S82" s="269">
        <v>0.33323496782252932</v>
      </c>
      <c r="T82" s="270">
        <v>8.8286180264677244E-2</v>
      </c>
      <c r="U82" s="271">
        <v>0.29463168558369623</v>
      </c>
      <c r="V82" s="270">
        <v>8.5609187263960523E-2</v>
      </c>
      <c r="W82" s="66">
        <v>110</v>
      </c>
      <c r="X82" s="67">
        <v>67.234979380380651</v>
      </c>
      <c r="Y82" s="68">
        <v>5.2831649936367331</v>
      </c>
      <c r="Z82" s="269">
        <v>0.33221777100642924</v>
      </c>
      <c r="AA82" s="270">
        <v>8.8613088778837237E-2</v>
      </c>
      <c r="AB82" s="271">
        <v>0.44023580728907463</v>
      </c>
      <c r="AC82" s="270">
        <v>9.3033571311235311E-2</v>
      </c>
      <c r="AD82" s="66">
        <v>110</v>
      </c>
      <c r="AE82" s="67">
        <v>75.271389607070191</v>
      </c>
      <c r="AF82" s="68">
        <v>4.4709029178061286</v>
      </c>
      <c r="AG82" s="269">
        <v>0.20774212111930843</v>
      </c>
      <c r="AH82" s="270">
        <v>7.7340483464990631E-2</v>
      </c>
      <c r="AI82" s="271">
        <v>0.56818971161476639</v>
      </c>
      <c r="AJ82" s="270">
        <v>9.2844095491423764E-2</v>
      </c>
      <c r="AK82" s="66">
        <v>109</v>
      </c>
      <c r="AL82" s="67">
        <v>68.801809737637541</v>
      </c>
      <c r="AM82" s="68">
        <v>4.8162102647613318</v>
      </c>
      <c r="AN82" s="269">
        <v>0.28436879831110745</v>
      </c>
      <c r="AO82" s="270">
        <v>8.5545978458048219E-2</v>
      </c>
      <c r="AP82" s="271">
        <v>0.37376716380677338</v>
      </c>
      <c r="AQ82" s="270">
        <v>9.123992036962035E-2</v>
      </c>
      <c r="AR82" s="66">
        <v>108</v>
      </c>
      <c r="AS82" s="67">
        <v>66.017142120471874</v>
      </c>
      <c r="AT82" s="68">
        <v>4.982545913703377</v>
      </c>
      <c r="AU82" s="269">
        <v>0.3705000079179806</v>
      </c>
      <c r="AV82" s="270">
        <v>9.1496728333759492E-2</v>
      </c>
      <c r="AW82" s="271">
        <v>0.3850930075521129</v>
      </c>
      <c r="AX82" s="270">
        <v>9.2141710973659058E-2</v>
      </c>
    </row>
    <row r="83" spans="1:50">
      <c r="A83" s="44" t="s">
        <v>545</v>
      </c>
      <c r="B83" s="69">
        <v>119</v>
      </c>
      <c r="C83" s="70">
        <v>66.340501097202974</v>
      </c>
      <c r="D83" s="71">
        <v>4.2409744117428962</v>
      </c>
      <c r="E83" s="272">
        <v>0.29745893530569295</v>
      </c>
      <c r="F83" s="273">
        <v>8.2953976359929377E-2</v>
      </c>
      <c r="G83" s="274">
        <v>0.32075199796776088</v>
      </c>
      <c r="H83" s="273">
        <v>8.4569867253280445E-2</v>
      </c>
      <c r="I83" s="69">
        <v>120</v>
      </c>
      <c r="J83" s="70">
        <v>62.104372722468845</v>
      </c>
      <c r="K83" s="71">
        <v>4.5747132722036046</v>
      </c>
      <c r="L83" s="272">
        <v>0.39899331931201265</v>
      </c>
      <c r="M83" s="273">
        <v>8.8069849508744386E-2</v>
      </c>
      <c r="N83" s="274">
        <v>0.25570399831721846</v>
      </c>
      <c r="O83" s="273">
        <v>7.9129888773408444E-2</v>
      </c>
      <c r="P83" s="69">
        <v>118</v>
      </c>
      <c r="Q83" s="70">
        <v>61.492713034712395</v>
      </c>
      <c r="R83" s="71">
        <v>4.4681514259722821</v>
      </c>
      <c r="S83" s="272">
        <v>0.44828626376820302</v>
      </c>
      <c r="T83" s="273">
        <v>9.0081598579230829E-2</v>
      </c>
      <c r="U83" s="274">
        <v>0.27339889347065094</v>
      </c>
      <c r="V83" s="273">
        <v>8.1374226875480862E-2</v>
      </c>
      <c r="W83" s="69">
        <v>119</v>
      </c>
      <c r="X83" s="70">
        <v>72.577104568396805</v>
      </c>
      <c r="Y83" s="71">
        <v>4.4404061608705527</v>
      </c>
      <c r="Z83" s="272">
        <v>0.25321871576034455</v>
      </c>
      <c r="AA83" s="273">
        <v>7.922298085298761E-2</v>
      </c>
      <c r="AB83" s="274">
        <v>0.47562836543502163</v>
      </c>
      <c r="AC83" s="273">
        <v>9.006664702660902E-2</v>
      </c>
      <c r="AD83" s="69">
        <v>119</v>
      </c>
      <c r="AE83" s="70">
        <v>76.2094798178763</v>
      </c>
      <c r="AF83" s="71">
        <v>4.036736389456971</v>
      </c>
      <c r="AG83" s="272">
        <v>0.20933642603060743</v>
      </c>
      <c r="AH83" s="273">
        <v>7.4554572629938809E-2</v>
      </c>
      <c r="AI83" s="274">
        <v>0.5574779228417196</v>
      </c>
      <c r="AJ83" s="273">
        <v>8.9607576266964806E-2</v>
      </c>
      <c r="AK83" s="69">
        <v>120</v>
      </c>
      <c r="AL83" s="70">
        <v>67.508722245968514</v>
      </c>
      <c r="AM83" s="71">
        <v>4.8787976580542161</v>
      </c>
      <c r="AN83" s="272">
        <v>0.33848437002903958</v>
      </c>
      <c r="AO83" s="273">
        <v>8.5301856201354595E-2</v>
      </c>
      <c r="AP83" s="274">
        <v>0.421091037685217</v>
      </c>
      <c r="AQ83" s="273">
        <v>8.874912340278053E-2</v>
      </c>
      <c r="AR83" s="69">
        <v>120</v>
      </c>
      <c r="AS83" s="70">
        <v>66.162397254060451</v>
      </c>
      <c r="AT83" s="71">
        <v>4.5629133745943822</v>
      </c>
      <c r="AU83" s="272">
        <v>0.38270195236216714</v>
      </c>
      <c r="AV83" s="273">
        <v>8.7457734934633005E-2</v>
      </c>
      <c r="AW83" s="274">
        <v>0.36869470020483774</v>
      </c>
      <c r="AX83" s="273">
        <v>8.6854216999588868E-2</v>
      </c>
    </row>
    <row r="84" spans="1:50" s="5" customFormat="1"/>
    <row r="85" spans="1:50" s="5" customFormat="1"/>
    <row r="86" spans="1:50" s="5" customFormat="1"/>
    <row r="87" spans="1:50" s="5" customFormat="1"/>
    <row r="88" spans="1:50" s="5" customFormat="1"/>
    <row r="90" spans="1:50" ht="18.75">
      <c r="A90" s="335" t="s">
        <v>243</v>
      </c>
      <c r="B90" s="335"/>
      <c r="C90" s="335"/>
      <c r="D90" s="335"/>
      <c r="E90" s="335"/>
      <c r="F90" s="335"/>
      <c r="G90" s="335"/>
      <c r="H90" s="335"/>
    </row>
    <row r="91" spans="1:50" ht="72.75" customHeight="1">
      <c r="A91" s="346" t="s">
        <v>527</v>
      </c>
      <c r="B91" s="346"/>
      <c r="C91" s="346"/>
      <c r="D91" s="346"/>
      <c r="E91" s="346"/>
      <c r="F91" s="346"/>
      <c r="G91" s="346"/>
      <c r="H91" s="346"/>
    </row>
    <row r="92" spans="1:50" ht="33" customHeight="1">
      <c r="A92" s="347" t="s">
        <v>244</v>
      </c>
      <c r="B92" s="348"/>
      <c r="C92" s="348"/>
      <c r="D92" s="348"/>
      <c r="E92" s="348"/>
      <c r="F92" s="348"/>
      <c r="G92" s="348"/>
      <c r="H92" s="349"/>
    </row>
    <row r="93" spans="1:50" ht="42" customHeight="1">
      <c r="A93" s="32" t="s">
        <v>71</v>
      </c>
      <c r="B93" s="33" t="s">
        <v>72</v>
      </c>
      <c r="C93" s="34" t="s">
        <v>583</v>
      </c>
      <c r="D93" s="35" t="s">
        <v>73</v>
      </c>
      <c r="E93" s="34" t="s">
        <v>331</v>
      </c>
      <c r="F93" s="35" t="s">
        <v>335</v>
      </c>
      <c r="G93" s="34" t="s">
        <v>333</v>
      </c>
      <c r="H93" s="35" t="s">
        <v>336</v>
      </c>
    </row>
    <row r="94" spans="1:50" ht="72" customHeight="1">
      <c r="A94" s="36"/>
      <c r="B94" s="37" t="s">
        <v>74</v>
      </c>
      <c r="C94" s="38" t="s">
        <v>247</v>
      </c>
      <c r="D94" s="39" t="s">
        <v>76</v>
      </c>
      <c r="E94" s="38" t="s">
        <v>332</v>
      </c>
      <c r="F94" s="86" t="s">
        <v>88</v>
      </c>
      <c r="G94" s="38" t="s">
        <v>334</v>
      </c>
      <c r="H94" s="86" t="s">
        <v>88</v>
      </c>
    </row>
    <row r="95" spans="1:50">
      <c r="A95" s="40" t="s">
        <v>350</v>
      </c>
      <c r="B95" s="72">
        <v>13562</v>
      </c>
      <c r="C95" s="73">
        <v>67.003714115916821</v>
      </c>
      <c r="D95" s="74">
        <v>0.41771560076770042</v>
      </c>
      <c r="E95" s="276">
        <v>0.31223242392109507</v>
      </c>
      <c r="F95" s="277">
        <v>7.9576522818712876E-3</v>
      </c>
      <c r="G95" s="276">
        <v>0.30655428162142018</v>
      </c>
      <c r="H95" s="277">
        <v>7.9174723496586458E-3</v>
      </c>
    </row>
    <row r="96" spans="1:50">
      <c r="A96" s="44" t="s">
        <v>351</v>
      </c>
      <c r="B96" s="75">
        <v>10049</v>
      </c>
      <c r="C96" s="76">
        <v>69.354440070821909</v>
      </c>
      <c r="D96" s="77">
        <v>0.47362839336437085</v>
      </c>
      <c r="E96" s="278">
        <v>0.27180113126224165</v>
      </c>
      <c r="F96" s="279">
        <v>8.8752017717384363E-3</v>
      </c>
      <c r="G96" s="278">
        <v>0.34684332757075992</v>
      </c>
      <c r="H96" s="279">
        <v>9.4945721376079508E-3</v>
      </c>
    </row>
    <row r="97" spans="1:8" s="5" customFormat="1">
      <c r="A97" s="40" t="s">
        <v>352</v>
      </c>
      <c r="B97" s="72">
        <v>3513</v>
      </c>
      <c r="C97" s="73">
        <v>65.00864740674038</v>
      </c>
      <c r="D97" s="74">
        <v>0.85205123852653242</v>
      </c>
      <c r="E97" s="276">
        <v>0.34654655816728325</v>
      </c>
      <c r="F97" s="277">
        <v>1.605030386499131E-2</v>
      </c>
      <c r="G97" s="276">
        <v>0.27236087249591096</v>
      </c>
      <c r="H97" s="277">
        <v>1.5017693396233021E-2</v>
      </c>
    </row>
    <row r="98" spans="1:8" s="5" customFormat="1">
      <c r="A98" s="44" t="s">
        <v>534</v>
      </c>
      <c r="B98" s="75">
        <v>1650</v>
      </c>
      <c r="C98" s="76">
        <v>64.582140257862889</v>
      </c>
      <c r="D98" s="77">
        <v>1.2460082339740752</v>
      </c>
      <c r="E98" s="278">
        <v>0.36142808350063665</v>
      </c>
      <c r="F98" s="279">
        <v>2.3630089028930591E-2</v>
      </c>
      <c r="G98" s="278">
        <v>0.28605875191160246</v>
      </c>
      <c r="H98" s="279">
        <v>2.223596971048868E-2</v>
      </c>
    </row>
    <row r="99" spans="1:8" s="5" customFormat="1">
      <c r="A99" s="40" t="s">
        <v>535</v>
      </c>
      <c r="B99" s="72">
        <v>915</v>
      </c>
      <c r="C99" s="73">
        <v>68.158015020032607</v>
      </c>
      <c r="D99" s="74">
        <v>1.6025701703324009</v>
      </c>
      <c r="E99" s="276">
        <v>0.31330036255953708</v>
      </c>
      <c r="F99" s="277">
        <v>3.0622558630835815E-2</v>
      </c>
      <c r="G99" s="276">
        <v>0.33695096622894538</v>
      </c>
      <c r="H99" s="277">
        <v>3.1199867071867764E-2</v>
      </c>
    </row>
    <row r="100" spans="1:8" s="5" customFormat="1">
      <c r="A100" s="44" t="s">
        <v>536</v>
      </c>
      <c r="B100" s="75">
        <v>192</v>
      </c>
      <c r="C100" s="76">
        <v>69.161295516698146</v>
      </c>
      <c r="D100" s="77">
        <v>3.5536825945475758</v>
      </c>
      <c r="E100" s="278">
        <v>0.28520247852177488</v>
      </c>
      <c r="F100" s="279">
        <v>6.4795753085789026E-2</v>
      </c>
      <c r="G100" s="278">
        <v>0.35979477508105567</v>
      </c>
      <c r="H100" s="279">
        <v>6.8680962343994539E-2</v>
      </c>
    </row>
    <row r="101" spans="1:8" s="5" customFormat="1">
      <c r="A101" s="40" t="s">
        <v>537</v>
      </c>
      <c r="B101" s="72">
        <v>71</v>
      </c>
      <c r="C101" s="73">
        <v>69.982756001172376</v>
      </c>
      <c r="D101" s="74">
        <v>5.6553756608570867</v>
      </c>
      <c r="E101" s="276">
        <v>0.28921846811416208</v>
      </c>
      <c r="F101" s="277">
        <v>0.10587636769693075</v>
      </c>
      <c r="G101" s="276">
        <v>0.42044240999292015</v>
      </c>
      <c r="H101" s="277">
        <v>0.11415258170176328</v>
      </c>
    </row>
    <row r="102" spans="1:8" s="5" customFormat="1">
      <c r="A102" s="44" t="s">
        <v>546</v>
      </c>
      <c r="B102" s="75">
        <v>743</v>
      </c>
      <c r="C102" s="76">
        <v>63.10849109134417</v>
      </c>
      <c r="D102" s="77">
        <v>1.9127809931646034</v>
      </c>
      <c r="E102" s="278">
        <v>0.38144412323613308</v>
      </c>
      <c r="F102" s="279">
        <v>3.5555987749973206E-2</v>
      </c>
      <c r="G102" s="278">
        <v>0.2656030781648594</v>
      </c>
      <c r="H102" s="279">
        <v>3.2367113425404853E-2</v>
      </c>
    </row>
    <row r="103" spans="1:8" s="5" customFormat="1">
      <c r="A103" s="40" t="s">
        <v>547</v>
      </c>
      <c r="B103" s="72">
        <v>121</v>
      </c>
      <c r="C103" s="73">
        <v>63.113800006446517</v>
      </c>
      <c r="D103" s="74">
        <v>5.1954887279623057</v>
      </c>
      <c r="E103" s="276">
        <v>0.37430000224941085</v>
      </c>
      <c r="F103" s="277">
        <v>8.6753824065686713E-2</v>
      </c>
      <c r="G103" s="276">
        <v>0.33133504087981441</v>
      </c>
      <c r="H103" s="277">
        <v>8.4539915216905598E-2</v>
      </c>
    </row>
    <row r="104" spans="1:8" s="5" customFormat="1">
      <c r="A104" s="44" t="s">
        <v>548</v>
      </c>
      <c r="B104" s="75">
        <v>97</v>
      </c>
      <c r="C104" s="76">
        <v>64.118365771724982</v>
      </c>
      <c r="D104" s="77">
        <v>4.9910047173441878</v>
      </c>
      <c r="E104" s="278">
        <v>0.37208952506783199</v>
      </c>
      <c r="F104" s="279">
        <v>9.6453790578472351E-2</v>
      </c>
      <c r="G104" s="278">
        <v>0.26269917239562196</v>
      </c>
      <c r="H104" s="279">
        <v>8.8566208413205005E-2</v>
      </c>
    </row>
    <row r="105" spans="1:8" s="5" customFormat="1">
      <c r="A105" s="40" t="s">
        <v>538</v>
      </c>
      <c r="B105" s="72">
        <v>125</v>
      </c>
      <c r="C105" s="73">
        <v>71.69604874298706</v>
      </c>
      <c r="D105" s="74">
        <v>4.1370382285711953</v>
      </c>
      <c r="E105" s="276">
        <v>0.25038338389601456</v>
      </c>
      <c r="F105" s="277">
        <v>7.7057459045419954E-2</v>
      </c>
      <c r="G105" s="276">
        <v>0.39722496963833032</v>
      </c>
      <c r="H105" s="277">
        <v>8.6280988390538313E-2</v>
      </c>
    </row>
    <row r="106" spans="1:8" s="5" customFormat="1">
      <c r="A106" s="44" t="s">
        <v>539</v>
      </c>
      <c r="B106" s="75">
        <v>95</v>
      </c>
      <c r="C106" s="76">
        <v>71.025258523762275</v>
      </c>
      <c r="D106" s="77">
        <v>4.8125794738495529</v>
      </c>
      <c r="E106" s="278">
        <v>0.24690240712399084</v>
      </c>
      <c r="F106" s="279">
        <v>8.7850531856659766E-2</v>
      </c>
      <c r="G106" s="278">
        <v>0.37648964694366138</v>
      </c>
      <c r="H106" s="279">
        <v>9.7639411053301345E-2</v>
      </c>
    </row>
    <row r="107" spans="1:8">
      <c r="A107" s="40" t="s">
        <v>540</v>
      </c>
      <c r="B107" s="78">
        <v>260</v>
      </c>
      <c r="C107" s="79">
        <v>70.705858185988561</v>
      </c>
      <c r="D107" s="80">
        <v>2.8860506699527337</v>
      </c>
      <c r="E107" s="280">
        <v>0.28635505055093069</v>
      </c>
      <c r="F107" s="281">
        <v>5.5830983254157723E-2</v>
      </c>
      <c r="G107" s="280">
        <v>0.39027778597833779</v>
      </c>
      <c r="H107" s="281">
        <v>6.009122976935509E-2</v>
      </c>
    </row>
    <row r="108" spans="1:8" ht="25.5">
      <c r="A108" s="44" t="s">
        <v>541</v>
      </c>
      <c r="B108" s="75">
        <v>112</v>
      </c>
      <c r="C108" s="76">
        <v>74.159209713470872</v>
      </c>
      <c r="D108" s="77">
        <v>4.0441428244975386</v>
      </c>
      <c r="E108" s="278">
        <v>0.2668713345888985</v>
      </c>
      <c r="F108" s="279">
        <v>8.29072199102803E-2</v>
      </c>
      <c r="G108" s="278">
        <v>0.46581808626654242</v>
      </c>
      <c r="H108" s="279">
        <v>9.2645186525517245E-2</v>
      </c>
    </row>
    <row r="109" spans="1:8" ht="25.5">
      <c r="A109" s="52" t="s">
        <v>549</v>
      </c>
      <c r="B109" s="72">
        <v>68</v>
      </c>
      <c r="C109" s="73">
        <v>65.757320473430269</v>
      </c>
      <c r="D109" s="74">
        <v>5.9661158862443511</v>
      </c>
      <c r="E109" s="276">
        <v>0.27475899361694084</v>
      </c>
      <c r="F109" s="277">
        <v>0.10665285350824644</v>
      </c>
      <c r="G109" s="276">
        <v>0.27444467779212495</v>
      </c>
      <c r="H109" s="277">
        <v>0.10661993110686904</v>
      </c>
    </row>
    <row r="110" spans="1:8">
      <c r="A110" s="44" t="s">
        <v>543</v>
      </c>
      <c r="B110" s="75">
        <v>80</v>
      </c>
      <c r="C110" s="76">
        <v>69.321042944203015</v>
      </c>
      <c r="D110" s="77">
        <v>5.5067711675702595</v>
      </c>
      <c r="E110" s="278">
        <v>0.32048389681115275</v>
      </c>
      <c r="F110" s="279">
        <v>0.10253223410306062</v>
      </c>
      <c r="G110" s="278">
        <v>0.36503787503875779</v>
      </c>
      <c r="H110" s="279">
        <v>0.10544207662292425</v>
      </c>
    </row>
    <row r="111" spans="1:8">
      <c r="A111" s="52" t="s">
        <v>544</v>
      </c>
      <c r="B111" s="72">
        <v>112</v>
      </c>
      <c r="C111" s="73">
        <v>65.375004474963333</v>
      </c>
      <c r="D111" s="74">
        <v>4.7264563247098126</v>
      </c>
      <c r="E111" s="276">
        <v>0.35101706525229465</v>
      </c>
      <c r="F111" s="277">
        <v>8.8922369400312812E-2</v>
      </c>
      <c r="G111" s="276">
        <v>0.29534115740073386</v>
      </c>
      <c r="H111" s="277">
        <v>8.5289282874187466E-2</v>
      </c>
    </row>
    <row r="112" spans="1:8">
      <c r="A112" s="44" t="s">
        <v>545</v>
      </c>
      <c r="B112" s="75">
        <v>121</v>
      </c>
      <c r="C112" s="76">
        <v>66.537680904415708</v>
      </c>
      <c r="D112" s="77">
        <v>4.6396973665390764</v>
      </c>
      <c r="E112" s="278">
        <v>0.35765361528116962</v>
      </c>
      <c r="F112" s="279">
        <v>8.5979264017677137E-2</v>
      </c>
      <c r="G112" s="278">
        <v>0.28562655051177488</v>
      </c>
      <c r="H112" s="279">
        <v>8.1375799388145251E-2</v>
      </c>
    </row>
    <row r="113" spans="1:23" s="5" customFormat="1"/>
    <row r="114" spans="1:23" s="5" customFormat="1"/>
    <row r="115" spans="1:23" s="5" customFormat="1"/>
    <row r="116" spans="1:23" s="5" customFormat="1"/>
    <row r="117" spans="1:23" s="5" customFormat="1"/>
    <row r="119" spans="1:23" s="5" customFormat="1" ht="18.75">
      <c r="A119" s="333" t="s">
        <v>223</v>
      </c>
      <c r="B119" s="333"/>
      <c r="C119" s="333"/>
      <c r="D119" s="333"/>
      <c r="E119" s="333"/>
      <c r="F119" s="333"/>
      <c r="G119" s="333"/>
      <c r="H119" s="333"/>
      <c r="I119" s="333"/>
      <c r="J119" s="333"/>
      <c r="K119" s="333"/>
      <c r="L119" s="333"/>
      <c r="M119" s="333"/>
      <c r="N119" s="333"/>
      <c r="O119" s="333"/>
      <c r="P119" s="333"/>
      <c r="Q119" s="333"/>
      <c r="R119" s="333"/>
      <c r="S119" s="333"/>
      <c r="T119" s="333"/>
      <c r="U119" s="333"/>
      <c r="V119" s="333"/>
      <c r="W119" s="223"/>
    </row>
    <row r="120" spans="1:23" s="5" customFormat="1" ht="75" customHeight="1">
      <c r="A120" s="346" t="s">
        <v>574</v>
      </c>
      <c r="B120" s="346"/>
      <c r="C120" s="346"/>
      <c r="D120" s="346"/>
      <c r="E120" s="346"/>
      <c r="F120" s="346"/>
      <c r="G120" s="346"/>
      <c r="H120" s="346"/>
      <c r="I120" s="346"/>
      <c r="J120" s="346"/>
      <c r="K120" s="346"/>
      <c r="L120" s="346"/>
      <c r="M120" s="346"/>
      <c r="N120" s="346"/>
      <c r="O120" s="346"/>
      <c r="P120" s="346"/>
      <c r="Q120" s="346"/>
      <c r="R120" s="346"/>
      <c r="S120" s="346"/>
      <c r="T120" s="346"/>
      <c r="U120" s="346"/>
      <c r="V120" s="346"/>
    </row>
    <row r="121" spans="1:23" s="5" customFormat="1" ht="48.75" customHeight="1">
      <c r="A121" s="59" t="s">
        <v>245</v>
      </c>
      <c r="B121" s="341" t="s">
        <v>226</v>
      </c>
      <c r="C121" s="342"/>
      <c r="D121" s="342"/>
      <c r="E121" s="342"/>
      <c r="F121" s="342"/>
      <c r="G121" s="342"/>
      <c r="H121" s="343"/>
      <c r="I121" s="347" t="s">
        <v>225</v>
      </c>
      <c r="J121" s="348"/>
      <c r="K121" s="348"/>
      <c r="L121" s="348"/>
      <c r="M121" s="348"/>
      <c r="N121" s="348"/>
      <c r="O121" s="349"/>
      <c r="P121" s="347" t="s">
        <v>224</v>
      </c>
      <c r="Q121" s="348"/>
      <c r="R121" s="348"/>
      <c r="S121" s="348"/>
      <c r="T121" s="348"/>
      <c r="U121" s="348"/>
      <c r="V121" s="349"/>
    </row>
    <row r="122" spans="1:23" s="5" customFormat="1" ht="43.5" customHeight="1">
      <c r="A122" s="32" t="s">
        <v>71</v>
      </c>
      <c r="B122" s="60" t="s">
        <v>72</v>
      </c>
      <c r="C122" s="61" t="s">
        <v>583</v>
      </c>
      <c r="D122" s="62" t="s">
        <v>73</v>
      </c>
      <c r="E122" s="61" t="s">
        <v>331</v>
      </c>
      <c r="F122" s="62" t="s">
        <v>335</v>
      </c>
      <c r="G122" s="61" t="s">
        <v>333</v>
      </c>
      <c r="H122" s="62" t="s">
        <v>336</v>
      </c>
      <c r="I122" s="33" t="s">
        <v>72</v>
      </c>
      <c r="J122" s="34" t="s">
        <v>583</v>
      </c>
      <c r="K122" s="35" t="s">
        <v>73</v>
      </c>
      <c r="L122" s="33" t="s">
        <v>331</v>
      </c>
      <c r="M122" s="35" t="s">
        <v>335</v>
      </c>
      <c r="N122" s="34" t="s">
        <v>333</v>
      </c>
      <c r="O122" s="35" t="s">
        <v>335</v>
      </c>
      <c r="P122" s="60" t="s">
        <v>72</v>
      </c>
      <c r="Q122" s="61" t="s">
        <v>583</v>
      </c>
      <c r="R122" s="62" t="s">
        <v>73</v>
      </c>
      <c r="S122" s="60" t="s">
        <v>331</v>
      </c>
      <c r="T122" s="62" t="s">
        <v>335</v>
      </c>
      <c r="U122" s="61" t="s">
        <v>333</v>
      </c>
      <c r="V122" s="62" t="s">
        <v>335</v>
      </c>
    </row>
    <row r="123" spans="1:23" s="5" customFormat="1" ht="64.5" customHeight="1">
      <c r="A123" s="36"/>
      <c r="B123" s="63" t="s">
        <v>74</v>
      </c>
      <c r="C123" s="64" t="s">
        <v>246</v>
      </c>
      <c r="D123" s="65" t="s">
        <v>76</v>
      </c>
      <c r="E123" s="64" t="s">
        <v>332</v>
      </c>
      <c r="F123" s="65" t="s">
        <v>88</v>
      </c>
      <c r="G123" s="64" t="s">
        <v>334</v>
      </c>
      <c r="H123" s="65" t="s">
        <v>88</v>
      </c>
      <c r="I123" s="37" t="s">
        <v>74</v>
      </c>
      <c r="J123" s="38" t="s">
        <v>246</v>
      </c>
      <c r="K123" s="39" t="s">
        <v>76</v>
      </c>
      <c r="L123" s="37" t="s">
        <v>332</v>
      </c>
      <c r="M123" s="39" t="s">
        <v>88</v>
      </c>
      <c r="N123" s="121" t="s">
        <v>334</v>
      </c>
      <c r="O123" s="39" t="s">
        <v>88</v>
      </c>
      <c r="P123" s="63" t="s">
        <v>74</v>
      </c>
      <c r="Q123" s="64" t="s">
        <v>246</v>
      </c>
      <c r="R123" s="65" t="s">
        <v>76</v>
      </c>
      <c r="S123" s="63" t="s">
        <v>332</v>
      </c>
      <c r="T123" s="65" t="s">
        <v>88</v>
      </c>
      <c r="U123" s="252" t="s">
        <v>334</v>
      </c>
      <c r="V123" s="65" t="s">
        <v>88</v>
      </c>
    </row>
    <row r="124" spans="1:23" s="5" customFormat="1">
      <c r="A124" s="40" t="s">
        <v>350</v>
      </c>
      <c r="B124" s="66">
        <v>13595</v>
      </c>
      <c r="C124" s="67">
        <v>66.671008525665897</v>
      </c>
      <c r="D124" s="68">
        <v>0.4352659319735202</v>
      </c>
      <c r="E124" s="269">
        <v>0.29427832367242951</v>
      </c>
      <c r="F124" s="270">
        <v>7.8162492592661649E-3</v>
      </c>
      <c r="G124" s="269">
        <v>0.26440420139730286</v>
      </c>
      <c r="H124" s="270">
        <v>7.5642652928588853E-3</v>
      </c>
      <c r="I124" s="66">
        <v>13488</v>
      </c>
      <c r="J124" s="67">
        <v>66.618202836074161</v>
      </c>
      <c r="K124" s="68">
        <v>0.44084708176087417</v>
      </c>
      <c r="L124" s="269">
        <v>0.2976766307416695</v>
      </c>
      <c r="M124" s="270">
        <v>7.8733211221182799E-3</v>
      </c>
      <c r="N124" s="269">
        <v>0.27811808775732949</v>
      </c>
      <c r="O124" s="270">
        <v>7.715624666684703E-3</v>
      </c>
      <c r="P124" s="66">
        <v>13500</v>
      </c>
      <c r="Q124" s="67">
        <v>67.647801110856562</v>
      </c>
      <c r="R124" s="68">
        <v>0.4229868689948128</v>
      </c>
      <c r="S124" s="269">
        <v>0.28061620895654121</v>
      </c>
      <c r="T124" s="270">
        <v>7.7333229177852549E-3</v>
      </c>
      <c r="U124" s="269">
        <v>0.28447116453549126</v>
      </c>
      <c r="V124" s="270">
        <v>7.765346301956827E-3</v>
      </c>
    </row>
    <row r="125" spans="1:23" s="5" customFormat="1">
      <c r="A125" s="44" t="s">
        <v>351</v>
      </c>
      <c r="B125" s="69">
        <v>10073</v>
      </c>
      <c r="C125" s="70">
        <v>69.017358204016944</v>
      </c>
      <c r="D125" s="71">
        <v>0.49241329407288709</v>
      </c>
      <c r="E125" s="272">
        <v>0.25722059746896392</v>
      </c>
      <c r="F125" s="273">
        <v>8.7096425078187715E-3</v>
      </c>
      <c r="G125" s="272">
        <v>0.29983537550732603</v>
      </c>
      <c r="H125" s="273">
        <v>9.1293272634278416E-3</v>
      </c>
      <c r="I125" s="69">
        <v>9989</v>
      </c>
      <c r="J125" s="70">
        <v>68.856140725307412</v>
      </c>
      <c r="K125" s="71">
        <v>0.50027931883321508</v>
      </c>
      <c r="L125" s="272">
        <v>0.26323630773319057</v>
      </c>
      <c r="M125" s="273">
        <v>8.8118944317164601E-3</v>
      </c>
      <c r="N125" s="272">
        <v>0.31720661259196503</v>
      </c>
      <c r="O125" s="273">
        <v>9.3116068896594226E-3</v>
      </c>
      <c r="P125" s="69">
        <v>10003</v>
      </c>
      <c r="Q125" s="70">
        <v>70.109356682736859</v>
      </c>
      <c r="R125" s="71">
        <v>0.47747551305841629</v>
      </c>
      <c r="S125" s="272">
        <v>0.24142759489581603</v>
      </c>
      <c r="T125" s="273">
        <v>8.5572333156978906E-3</v>
      </c>
      <c r="U125" s="272">
        <v>0.32555929066739525</v>
      </c>
      <c r="V125" s="273">
        <v>9.3689092615848318E-3</v>
      </c>
    </row>
    <row r="126" spans="1:23" s="5" customFormat="1">
      <c r="A126" s="40" t="s">
        <v>352</v>
      </c>
      <c r="B126" s="49">
        <v>3522</v>
      </c>
      <c r="C126" s="50">
        <v>64.681314939341803</v>
      </c>
      <c r="D126" s="51">
        <v>0.89516544038157875</v>
      </c>
      <c r="E126" s="266">
        <v>0.3257031026945264</v>
      </c>
      <c r="F126" s="275">
        <v>1.5786776890086018E-2</v>
      </c>
      <c r="G126" s="266">
        <v>0.23435873096588655</v>
      </c>
      <c r="H126" s="275">
        <v>1.4273669403777344E-2</v>
      </c>
      <c r="I126" s="49">
        <v>3499</v>
      </c>
      <c r="J126" s="50">
        <v>64.722765909225885</v>
      </c>
      <c r="K126" s="51">
        <v>0.90037310350955169</v>
      </c>
      <c r="L126" s="266">
        <v>0.32684609979480589</v>
      </c>
      <c r="M126" s="275">
        <v>1.5852811422488372E-2</v>
      </c>
      <c r="N126" s="266">
        <v>0.24501179211611837</v>
      </c>
      <c r="O126" s="275">
        <v>1.4539438784733552E-2</v>
      </c>
      <c r="P126" s="49">
        <v>3497</v>
      </c>
      <c r="Q126" s="50">
        <v>65.559882620440547</v>
      </c>
      <c r="R126" s="51">
        <v>0.87150522196120939</v>
      </c>
      <c r="S126" s="266">
        <v>0.31385642211518133</v>
      </c>
      <c r="T126" s="275">
        <v>1.5688691668993459E-2</v>
      </c>
      <c r="U126" s="266">
        <v>0.24961976436098715</v>
      </c>
      <c r="V126" s="275">
        <v>1.4634572147230528E-2</v>
      </c>
    </row>
    <row r="127" spans="1:23" s="5" customFormat="1">
      <c r="A127" s="44" t="s">
        <v>534</v>
      </c>
      <c r="B127" s="69">
        <v>1653</v>
      </c>
      <c r="C127" s="70">
        <v>63.962132401906935</v>
      </c>
      <c r="D127" s="71">
        <v>1.3124536208133109</v>
      </c>
      <c r="E127" s="272">
        <v>0.34518920070447562</v>
      </c>
      <c r="F127" s="273">
        <v>2.3365025341639641E-2</v>
      </c>
      <c r="G127" s="272">
        <v>0.24795801311825794</v>
      </c>
      <c r="H127" s="273">
        <v>2.1234169654136579E-2</v>
      </c>
      <c r="I127" s="69">
        <v>1646</v>
      </c>
      <c r="J127" s="70">
        <v>64.571816512868978</v>
      </c>
      <c r="K127" s="71">
        <v>1.3026639937737976</v>
      </c>
      <c r="L127" s="272">
        <v>0.3383417780273934</v>
      </c>
      <c r="M127" s="273">
        <v>2.3302655485799316E-2</v>
      </c>
      <c r="N127" s="272">
        <v>0.26214048863900058</v>
      </c>
      <c r="O127" s="273">
        <v>2.1669519651493663E-2</v>
      </c>
      <c r="P127" s="69">
        <v>1639</v>
      </c>
      <c r="Q127" s="70">
        <v>65.117679252778032</v>
      </c>
      <c r="R127" s="71">
        <v>1.2605642269275388</v>
      </c>
      <c r="S127" s="272">
        <v>0.32693304739124607</v>
      </c>
      <c r="T127" s="273">
        <v>2.3153329647427459E-2</v>
      </c>
      <c r="U127" s="272">
        <v>0.26025807168848836</v>
      </c>
      <c r="V127" s="273">
        <v>2.166548800164295E-2</v>
      </c>
    </row>
    <row r="128" spans="1:23" s="5" customFormat="1">
      <c r="A128" s="40" t="s">
        <v>535</v>
      </c>
      <c r="B128" s="49">
        <v>917</v>
      </c>
      <c r="C128" s="50">
        <v>67.627217542074362</v>
      </c>
      <c r="D128" s="51">
        <v>1.6760696669167197</v>
      </c>
      <c r="E128" s="266">
        <v>0.29979896392548394</v>
      </c>
      <c r="F128" s="275">
        <v>3.021938864697998E-2</v>
      </c>
      <c r="G128" s="266">
        <v>0.29681935760650069</v>
      </c>
      <c r="H128" s="275">
        <v>3.0133646231546053E-2</v>
      </c>
      <c r="I128" s="49">
        <v>913</v>
      </c>
      <c r="J128" s="50">
        <v>68.072239010188298</v>
      </c>
      <c r="K128" s="51">
        <v>1.6640556691807511</v>
      </c>
      <c r="L128" s="266">
        <v>0.29013590261568684</v>
      </c>
      <c r="M128" s="275">
        <v>3.000112376118623E-2</v>
      </c>
      <c r="N128" s="266">
        <v>0.30820348932606922</v>
      </c>
      <c r="O128" s="275">
        <v>3.0519623624041408E-2</v>
      </c>
      <c r="P128" s="49">
        <v>908</v>
      </c>
      <c r="Q128" s="50">
        <v>68.809752872916363</v>
      </c>
      <c r="R128" s="51">
        <v>1.6208970552179038</v>
      </c>
      <c r="S128" s="266">
        <v>0.26971111984414259</v>
      </c>
      <c r="T128" s="275">
        <v>2.9426626933693283E-2</v>
      </c>
      <c r="U128" s="266">
        <v>0.31832005775814365</v>
      </c>
      <c r="V128" s="275">
        <v>3.0870506562240687E-2</v>
      </c>
    </row>
    <row r="129" spans="1:22" s="5" customFormat="1">
      <c r="A129" s="44" t="s">
        <v>536</v>
      </c>
      <c r="B129" s="69">
        <v>194</v>
      </c>
      <c r="C129" s="70">
        <v>68.944572229481224</v>
      </c>
      <c r="D129" s="71">
        <v>3.7389294619103026</v>
      </c>
      <c r="E129" s="272">
        <v>0.28969677736686095</v>
      </c>
      <c r="F129" s="273">
        <v>6.4751501970231579E-2</v>
      </c>
      <c r="G129" s="272">
        <v>0.32756715512080542</v>
      </c>
      <c r="H129" s="273">
        <v>6.6886926460271973E-2</v>
      </c>
      <c r="I129" s="69">
        <v>192</v>
      </c>
      <c r="J129" s="70">
        <v>68.739021432422973</v>
      </c>
      <c r="K129" s="71">
        <v>3.701265787912754</v>
      </c>
      <c r="L129" s="272">
        <v>0.28225576388936441</v>
      </c>
      <c r="M129" s="273">
        <v>6.4602853740138216E-2</v>
      </c>
      <c r="N129" s="272">
        <v>0.31110061435454506</v>
      </c>
      <c r="O129" s="273">
        <v>6.6356890429341772E-2</v>
      </c>
      <c r="P129" s="69">
        <v>190</v>
      </c>
      <c r="Q129" s="70">
        <v>69.816997917643832</v>
      </c>
      <c r="R129" s="71">
        <v>3.5634671980143864</v>
      </c>
      <c r="S129" s="272">
        <v>0.25049233936616533</v>
      </c>
      <c r="T129" s="273">
        <v>6.2637336085423781E-2</v>
      </c>
      <c r="U129" s="272">
        <v>0.33430807065604617</v>
      </c>
      <c r="V129" s="273">
        <v>6.790937401720018E-2</v>
      </c>
    </row>
    <row r="130" spans="1:22" s="5" customFormat="1">
      <c r="A130" s="40" t="s">
        <v>537</v>
      </c>
      <c r="B130" s="49">
        <v>71</v>
      </c>
      <c r="C130" s="50">
        <v>69.0963392157539</v>
      </c>
      <c r="D130" s="51">
        <v>6.1870765220501678</v>
      </c>
      <c r="E130" s="266">
        <v>0.30029740681588035</v>
      </c>
      <c r="F130" s="275">
        <v>0.10689793795902718</v>
      </c>
      <c r="G130" s="266">
        <v>0.36455184596239237</v>
      </c>
      <c r="H130" s="275">
        <v>0.1116084921676133</v>
      </c>
      <c r="I130" s="49">
        <v>71</v>
      </c>
      <c r="J130" s="50">
        <v>69.046668694015054</v>
      </c>
      <c r="K130" s="51">
        <v>5.9987493241241401</v>
      </c>
      <c r="L130" s="266">
        <v>0.30042682300045259</v>
      </c>
      <c r="M130" s="275">
        <v>0.10690948928019361</v>
      </c>
      <c r="N130" s="266">
        <v>0.34124925485744306</v>
      </c>
      <c r="O130" s="275">
        <v>0.11013076051107269</v>
      </c>
      <c r="P130" s="49">
        <v>70</v>
      </c>
      <c r="Q130" s="50">
        <v>72.0803463241337</v>
      </c>
      <c r="R130" s="51">
        <v>5.5800805147170269</v>
      </c>
      <c r="S130" s="266">
        <v>0.21581885316548721</v>
      </c>
      <c r="T130" s="275">
        <v>9.8017043630230838E-2</v>
      </c>
      <c r="U130" s="266">
        <v>0.38313493899099776</v>
      </c>
      <c r="V130" s="275">
        <v>0.11337074624144927</v>
      </c>
    </row>
    <row r="131" spans="1:22" s="5" customFormat="1">
      <c r="A131" s="44" t="s">
        <v>546</v>
      </c>
      <c r="B131" s="69">
        <v>744</v>
      </c>
      <c r="C131" s="70">
        <v>62.447292561268604</v>
      </c>
      <c r="D131" s="71">
        <v>2.0345888006525157</v>
      </c>
      <c r="E131" s="272">
        <v>0.36414705667779917</v>
      </c>
      <c r="F131" s="273">
        <v>3.5203065664703777E-2</v>
      </c>
      <c r="G131" s="272">
        <v>0.22849408488764161</v>
      </c>
      <c r="H131" s="273">
        <v>3.0771786395314714E-2</v>
      </c>
      <c r="I131" s="69">
        <v>741</v>
      </c>
      <c r="J131" s="70">
        <v>63.123323981751533</v>
      </c>
      <c r="K131" s="71">
        <v>2.0169909155604278</v>
      </c>
      <c r="L131" s="272">
        <v>0.35853886867854767</v>
      </c>
      <c r="M131" s="273">
        <v>3.5156643323772822E-2</v>
      </c>
      <c r="N131" s="272">
        <v>0.24389998271638075</v>
      </c>
      <c r="O131" s="273">
        <v>3.1526290953371533E-2</v>
      </c>
      <c r="P131" s="69">
        <v>739</v>
      </c>
      <c r="Q131" s="70">
        <v>63.599190997465136</v>
      </c>
      <c r="R131" s="71">
        <v>1.9325613588823103</v>
      </c>
      <c r="S131" s="272">
        <v>0.35118670238157695</v>
      </c>
      <c r="T131" s="273">
        <v>3.504217060758838E-2</v>
      </c>
      <c r="U131" s="272">
        <v>0.23679659366779873</v>
      </c>
      <c r="V131" s="273">
        <v>3.1256147946840555E-2</v>
      </c>
    </row>
    <row r="132" spans="1:22" s="5" customFormat="1">
      <c r="A132" s="40" t="s">
        <v>547</v>
      </c>
      <c r="B132" s="49">
        <v>121</v>
      </c>
      <c r="C132" s="50">
        <v>62.003991496577015</v>
      </c>
      <c r="D132" s="51">
        <v>5.4453517142803483</v>
      </c>
      <c r="E132" s="266">
        <v>0.39730140583616419</v>
      </c>
      <c r="F132" s="275">
        <v>8.7657005507980307E-2</v>
      </c>
      <c r="G132" s="266">
        <v>0.29553742309552017</v>
      </c>
      <c r="H132" s="275">
        <v>8.2137010003378072E-2</v>
      </c>
      <c r="I132" s="49">
        <v>121</v>
      </c>
      <c r="J132" s="50">
        <v>62.745333994797811</v>
      </c>
      <c r="K132" s="51">
        <v>5.3392743303298262</v>
      </c>
      <c r="L132" s="266">
        <v>0.37004500499898346</v>
      </c>
      <c r="M132" s="275">
        <v>8.656562955830234E-2</v>
      </c>
      <c r="N132" s="266">
        <v>0.28818192169864337</v>
      </c>
      <c r="O132" s="275">
        <v>8.1576200351183584E-2</v>
      </c>
      <c r="P132" s="49">
        <v>121</v>
      </c>
      <c r="Q132" s="50">
        <v>64.592074527964783</v>
      </c>
      <c r="R132" s="51">
        <v>5.1431133796323678</v>
      </c>
      <c r="S132" s="266">
        <v>0.3514903063809936</v>
      </c>
      <c r="T132" s="275">
        <v>8.5666108063586613E-2</v>
      </c>
      <c r="U132" s="266">
        <v>0.29540639222165516</v>
      </c>
      <c r="V132" s="275">
        <v>8.2127226052233535E-2</v>
      </c>
    </row>
    <row r="133" spans="1:22" s="5" customFormat="1">
      <c r="A133" s="44" t="s">
        <v>548</v>
      </c>
      <c r="B133" s="69">
        <v>97</v>
      </c>
      <c r="C133" s="70">
        <v>64.3142890869903</v>
      </c>
      <c r="D133" s="71">
        <v>5.1116391346336245</v>
      </c>
      <c r="E133" s="272">
        <v>0.33832153244789021</v>
      </c>
      <c r="F133" s="273">
        <v>9.4583937807006774E-2</v>
      </c>
      <c r="G133" s="272">
        <v>0.21640826249452086</v>
      </c>
      <c r="H133" s="273">
        <v>8.3445558834879183E-2</v>
      </c>
      <c r="I133" s="69">
        <v>97</v>
      </c>
      <c r="J133" s="70">
        <v>64.835011383681632</v>
      </c>
      <c r="K133" s="71">
        <v>5.1858169137654304</v>
      </c>
      <c r="L133" s="272">
        <v>0.35127129765017151</v>
      </c>
      <c r="M133" s="273">
        <v>9.5356999937041942E-2</v>
      </c>
      <c r="N133" s="272">
        <v>0.27336699754126381</v>
      </c>
      <c r="O133" s="273">
        <v>8.9581035758521985E-2</v>
      </c>
      <c r="P133" s="69">
        <v>96</v>
      </c>
      <c r="Q133" s="70">
        <v>63.153538669455543</v>
      </c>
      <c r="R133" s="71">
        <v>5.204153129503557</v>
      </c>
      <c r="S133" s="272">
        <v>0.37679295216393532</v>
      </c>
      <c r="T133" s="273">
        <v>9.7161748344051849E-2</v>
      </c>
      <c r="U133" s="272">
        <v>0.23490905859202457</v>
      </c>
      <c r="V133" s="273">
        <v>8.6078153379173308E-2</v>
      </c>
    </row>
    <row r="134" spans="1:22" s="5" customFormat="1">
      <c r="A134" s="40" t="s">
        <v>538</v>
      </c>
      <c r="B134" s="66">
        <v>126</v>
      </c>
      <c r="C134" s="67">
        <v>72.16758382670848</v>
      </c>
      <c r="D134" s="68">
        <v>4.2214923345736635</v>
      </c>
      <c r="E134" s="269">
        <v>0.18333559409799499</v>
      </c>
      <c r="F134" s="270">
        <v>6.9237510933486651E-2</v>
      </c>
      <c r="G134" s="269">
        <v>0.34717017935773947</v>
      </c>
      <c r="H134" s="270">
        <v>8.376859772381999E-2</v>
      </c>
      <c r="I134" s="66">
        <v>125</v>
      </c>
      <c r="J134" s="67">
        <v>71.718998930295129</v>
      </c>
      <c r="K134" s="68">
        <v>4.344730208929791</v>
      </c>
      <c r="L134" s="269">
        <v>0.23081804933632744</v>
      </c>
      <c r="M134" s="270">
        <v>7.511541221838651E-2</v>
      </c>
      <c r="N134" s="269">
        <v>0.36694324603803025</v>
      </c>
      <c r="O134" s="270">
        <v>8.5067562158433252E-2</v>
      </c>
      <c r="P134" s="66">
        <v>124</v>
      </c>
      <c r="Q134" s="67">
        <v>71.499515427839853</v>
      </c>
      <c r="R134" s="68">
        <v>4.2393999216847487</v>
      </c>
      <c r="S134" s="269">
        <v>0.21663071187837851</v>
      </c>
      <c r="T134" s="270">
        <v>7.3875331000659919E-2</v>
      </c>
      <c r="U134" s="269">
        <v>0.31948250789340582</v>
      </c>
      <c r="V134" s="270">
        <v>8.2805923802282966E-2</v>
      </c>
    </row>
    <row r="135" spans="1:22" s="5" customFormat="1">
      <c r="A135" s="44" t="s">
        <v>539</v>
      </c>
      <c r="B135" s="69">
        <v>96</v>
      </c>
      <c r="C135" s="70">
        <v>71.280736955933079</v>
      </c>
      <c r="D135" s="71">
        <v>4.901745851260638</v>
      </c>
      <c r="E135" s="272">
        <v>0.17904728890429883</v>
      </c>
      <c r="F135" s="273">
        <v>7.8756686479988056E-2</v>
      </c>
      <c r="G135" s="272">
        <v>0.33038093110036981</v>
      </c>
      <c r="H135" s="273">
        <v>9.4548397922485747E-2</v>
      </c>
      <c r="I135" s="69">
        <v>95</v>
      </c>
      <c r="J135" s="70">
        <v>71.391812440300967</v>
      </c>
      <c r="K135" s="71">
        <v>5.0377991697803699</v>
      </c>
      <c r="L135" s="272">
        <v>0.22442599880337893</v>
      </c>
      <c r="M135" s="273">
        <v>8.5297257066104373E-2</v>
      </c>
      <c r="N135" s="272">
        <v>0.35186802839910142</v>
      </c>
      <c r="O135" s="273">
        <v>9.6356718451319462E-2</v>
      </c>
      <c r="P135" s="69">
        <v>94</v>
      </c>
      <c r="Q135" s="70">
        <v>70.762279843991664</v>
      </c>
      <c r="R135" s="71">
        <v>4.8553731857709117</v>
      </c>
      <c r="S135" s="272">
        <v>0.21386818554260439</v>
      </c>
      <c r="T135" s="273">
        <v>8.4437048175947327E-2</v>
      </c>
      <c r="U135" s="272">
        <v>0.28373588770242125</v>
      </c>
      <c r="V135" s="273">
        <v>9.1911645389791879E-2</v>
      </c>
    </row>
    <row r="136" spans="1:22" s="5" customFormat="1">
      <c r="A136" s="40" t="s">
        <v>540</v>
      </c>
      <c r="B136" s="49">
        <v>259</v>
      </c>
      <c r="C136" s="50">
        <v>69.47332662225422</v>
      </c>
      <c r="D136" s="51">
        <v>3.0105417434606294</v>
      </c>
      <c r="E136" s="266">
        <v>0.27792455734440219</v>
      </c>
      <c r="F136" s="275">
        <v>5.5451310047331615E-2</v>
      </c>
      <c r="G136" s="266">
        <v>0.30741786777207147</v>
      </c>
      <c r="H136" s="275">
        <v>5.7054665487216757E-2</v>
      </c>
      <c r="I136" s="49">
        <v>258</v>
      </c>
      <c r="J136" s="50">
        <v>70.410311024347379</v>
      </c>
      <c r="K136" s="51">
        <v>3.0017357374369484</v>
      </c>
      <c r="L136" s="266">
        <v>0.2646283840232625</v>
      </c>
      <c r="M136" s="275">
        <v>5.4741430548677583E-2</v>
      </c>
      <c r="N136" s="266">
        <v>0.34260389633481803</v>
      </c>
      <c r="O136" s="275">
        <v>5.8736978214572397E-2</v>
      </c>
      <c r="P136" s="49">
        <v>257</v>
      </c>
      <c r="Q136" s="50">
        <v>72.197557220323262</v>
      </c>
      <c r="R136" s="51">
        <v>2.8926871503621943</v>
      </c>
      <c r="S136" s="266">
        <v>0.22787564353086176</v>
      </c>
      <c r="T136" s="275">
        <v>5.225940667547771E-2</v>
      </c>
      <c r="U136" s="266">
        <v>0.38024899738875534</v>
      </c>
      <c r="V136" s="275">
        <v>6.0152536460782967E-2</v>
      </c>
    </row>
    <row r="137" spans="1:22" s="5" customFormat="1" ht="25.5">
      <c r="A137" s="44" t="s">
        <v>541</v>
      </c>
      <c r="B137" s="69">
        <v>111</v>
      </c>
      <c r="C137" s="70">
        <v>72.856295188614126</v>
      </c>
      <c r="D137" s="71">
        <v>4.1535948358179864</v>
      </c>
      <c r="E137" s="272">
        <v>0.27450014670026507</v>
      </c>
      <c r="F137" s="273">
        <v>8.3951476706323552E-2</v>
      </c>
      <c r="G137" s="272">
        <v>0.34826641415963361</v>
      </c>
      <c r="H137" s="273">
        <v>8.9160465123854962E-2</v>
      </c>
      <c r="I137" s="69">
        <v>112</v>
      </c>
      <c r="J137" s="70">
        <v>73.802387655334059</v>
      </c>
      <c r="K137" s="71">
        <v>4.2842571391355841</v>
      </c>
      <c r="L137" s="272">
        <v>0.24661457910497539</v>
      </c>
      <c r="M137" s="273">
        <v>8.0974103932510061E-2</v>
      </c>
      <c r="N137" s="272">
        <v>0.39432180809791334</v>
      </c>
      <c r="O137" s="273">
        <v>9.0893844696370282E-2</v>
      </c>
      <c r="P137" s="69">
        <v>112</v>
      </c>
      <c r="Q137" s="70">
        <v>75.800538699095497</v>
      </c>
      <c r="R137" s="71">
        <v>4.0468755326271859</v>
      </c>
      <c r="S137" s="272">
        <v>0.20371326862764605</v>
      </c>
      <c r="T137" s="273">
        <v>7.6149577198790022E-2</v>
      </c>
      <c r="U137" s="272">
        <v>0.43386295411957021</v>
      </c>
      <c r="V137" s="273">
        <v>9.2087355970598306E-2</v>
      </c>
    </row>
    <row r="138" spans="1:22" s="5" customFormat="1" ht="25.5">
      <c r="A138" s="52" t="s">
        <v>549</v>
      </c>
      <c r="B138" s="66">
        <v>68</v>
      </c>
      <c r="C138" s="67">
        <v>64.947949647175363</v>
      </c>
      <c r="D138" s="68">
        <v>6.1914786931546528</v>
      </c>
      <c r="E138" s="269">
        <v>0.25071103226684804</v>
      </c>
      <c r="F138" s="270">
        <v>0.10396799824666583</v>
      </c>
      <c r="G138" s="269">
        <v>0.22632914429130005</v>
      </c>
      <c r="H138" s="270">
        <v>0.10088355543719124</v>
      </c>
      <c r="I138" s="66">
        <v>67</v>
      </c>
      <c r="J138" s="67">
        <v>65.570779871996479</v>
      </c>
      <c r="K138" s="68">
        <v>6.1081461587027039</v>
      </c>
      <c r="L138" s="269">
        <v>0.2322481658323208</v>
      </c>
      <c r="M138" s="270">
        <v>0.10241018710914954</v>
      </c>
      <c r="N138" s="269">
        <v>0.23280062961519019</v>
      </c>
      <c r="O138" s="270">
        <v>0.10248255167576319</v>
      </c>
      <c r="P138" s="66">
        <v>66</v>
      </c>
      <c r="Q138" s="67">
        <v>67.000080006900944</v>
      </c>
      <c r="R138" s="68">
        <v>6.1663513719274103</v>
      </c>
      <c r="S138" s="269">
        <v>0.24417582428678511</v>
      </c>
      <c r="T138" s="270">
        <v>0.10469543140232893</v>
      </c>
      <c r="U138" s="269">
        <v>0.30092823742437136</v>
      </c>
      <c r="V138" s="270">
        <v>0.11078167048244045</v>
      </c>
    </row>
    <row r="139" spans="1:22" s="5" customFormat="1">
      <c r="A139" s="44" t="s">
        <v>543</v>
      </c>
      <c r="B139" s="69">
        <v>80</v>
      </c>
      <c r="C139" s="70">
        <v>67.905905266902465</v>
      </c>
      <c r="D139" s="71">
        <v>5.8493597777984725</v>
      </c>
      <c r="E139" s="272">
        <v>0.30068490981986135</v>
      </c>
      <c r="F139" s="273">
        <v>0.10094007857835734</v>
      </c>
      <c r="G139" s="272">
        <v>0.30610349032360296</v>
      </c>
      <c r="H139" s="273">
        <v>0.10139490217265536</v>
      </c>
      <c r="I139" s="69">
        <v>79</v>
      </c>
      <c r="J139" s="70">
        <v>68.929667168171235</v>
      </c>
      <c r="K139" s="71">
        <v>5.7056375969237365</v>
      </c>
      <c r="L139" s="272">
        <v>0.31098889168814209</v>
      </c>
      <c r="M139" s="273">
        <v>0.10241310634735984</v>
      </c>
      <c r="N139" s="272">
        <v>0.34390164815993041</v>
      </c>
      <c r="O139" s="273">
        <v>0.10480626050506514</v>
      </c>
      <c r="P139" s="69">
        <v>79</v>
      </c>
      <c r="Q139" s="70">
        <v>70.617700485019867</v>
      </c>
      <c r="R139" s="71">
        <v>5.4148255203960947</v>
      </c>
      <c r="S139" s="272">
        <v>0.25043997701973159</v>
      </c>
      <c r="T139" s="273">
        <v>9.6587074840930376E-2</v>
      </c>
      <c r="U139" s="272">
        <v>0.35801727626190266</v>
      </c>
      <c r="V139" s="273">
        <v>0.10567901639029215</v>
      </c>
    </row>
    <row r="140" spans="1:22" s="5" customFormat="1">
      <c r="A140" s="52" t="s">
        <v>544</v>
      </c>
      <c r="B140" s="66">
        <v>112</v>
      </c>
      <c r="C140" s="67">
        <v>63.61878793280794</v>
      </c>
      <c r="D140" s="68">
        <v>5.14840513658846</v>
      </c>
      <c r="E140" s="269">
        <v>0.36295493677916985</v>
      </c>
      <c r="F140" s="270">
        <v>8.9537428882565162E-2</v>
      </c>
      <c r="G140" s="269">
        <v>0.27465240276234193</v>
      </c>
      <c r="H140" s="270">
        <v>8.3595960394205235E-2</v>
      </c>
      <c r="I140" s="66">
        <v>112</v>
      </c>
      <c r="J140" s="67">
        <v>65.582040997243354</v>
      </c>
      <c r="K140" s="68">
        <v>4.8186661970838909</v>
      </c>
      <c r="L140" s="269">
        <v>0.2965946770520293</v>
      </c>
      <c r="M140" s="270">
        <v>8.5385624062674192E-2</v>
      </c>
      <c r="N140" s="269">
        <v>0.27240377688971157</v>
      </c>
      <c r="O140" s="270">
        <v>8.339990540830175E-2</v>
      </c>
      <c r="P140" s="66">
        <v>112</v>
      </c>
      <c r="Q140" s="67">
        <v>66.924184494838727</v>
      </c>
      <c r="R140" s="68">
        <v>4.7485607112922983</v>
      </c>
      <c r="S140" s="269">
        <v>0.28005664477115527</v>
      </c>
      <c r="T140" s="270">
        <v>8.4057372026394878E-2</v>
      </c>
      <c r="U140" s="269">
        <v>0.30302010045815292</v>
      </c>
      <c r="V140" s="270">
        <v>8.5868528004258232E-2</v>
      </c>
    </row>
    <row r="141" spans="1:22" s="5" customFormat="1">
      <c r="A141" s="44" t="s">
        <v>545</v>
      </c>
      <c r="B141" s="69">
        <v>121</v>
      </c>
      <c r="C141" s="70">
        <v>65.926878935316012</v>
      </c>
      <c r="D141" s="71">
        <v>4.7993327063884834</v>
      </c>
      <c r="E141" s="272">
        <v>0.34497770250129828</v>
      </c>
      <c r="F141" s="273">
        <v>8.5319450727494139E-2</v>
      </c>
      <c r="G141" s="272">
        <v>0.26183197702210859</v>
      </c>
      <c r="H141" s="273">
        <v>7.9367145627150276E-2</v>
      </c>
      <c r="I141" s="69">
        <v>121</v>
      </c>
      <c r="J141" s="70">
        <v>66.184563504192667</v>
      </c>
      <c r="K141" s="71">
        <v>4.8298516798660396</v>
      </c>
      <c r="L141" s="272">
        <v>0.32772720771495434</v>
      </c>
      <c r="M141" s="273">
        <v>8.4321495510635364E-2</v>
      </c>
      <c r="N141" s="272">
        <v>0.26487334401644741</v>
      </c>
      <c r="O141" s="273">
        <v>7.96385946859898E-2</v>
      </c>
      <c r="P141" s="69">
        <v>121</v>
      </c>
      <c r="Q141" s="70">
        <v>67.537135608218776</v>
      </c>
      <c r="R141" s="71">
        <v>4.6909063341459607</v>
      </c>
      <c r="S141" s="272">
        <v>0.28784840535207684</v>
      </c>
      <c r="T141" s="273">
        <v>8.1550209031383644E-2</v>
      </c>
      <c r="U141" s="272">
        <v>0.29718780769160469</v>
      </c>
      <c r="V141" s="273">
        <v>8.2259607184318045E-2</v>
      </c>
    </row>
    <row r="142" spans="1:22" s="5" customFormat="1"/>
    <row r="143" spans="1:22" s="5" customFormat="1"/>
    <row r="144" spans="1:22" s="5" customFormat="1"/>
    <row r="145" spans="1:45" s="5" customFormat="1"/>
    <row r="146" spans="1:45" s="5" customFormat="1"/>
    <row r="148" spans="1:45" customFormat="1" ht="18.75">
      <c r="A148" s="333" t="s">
        <v>248</v>
      </c>
      <c r="B148" s="333"/>
      <c r="C148" s="333"/>
      <c r="D148" s="333"/>
      <c r="E148" s="333"/>
      <c r="F148" s="333"/>
      <c r="G148" s="333"/>
      <c r="H148" s="333"/>
      <c r="I148" s="333"/>
      <c r="J148" s="333"/>
      <c r="K148" s="333"/>
      <c r="L148" s="222"/>
      <c r="M148" s="222"/>
      <c r="N148" s="222"/>
      <c r="O148" s="222"/>
      <c r="P148" s="240"/>
      <c r="Q148" s="240"/>
      <c r="R148" s="240"/>
      <c r="S148" s="240"/>
    </row>
    <row r="149" spans="1:45" customFormat="1" ht="69.75" customHeight="1">
      <c r="A149" s="334" t="s">
        <v>575</v>
      </c>
      <c r="B149" s="334"/>
      <c r="C149" s="334"/>
      <c r="D149" s="334"/>
      <c r="E149" s="334"/>
      <c r="F149" s="334"/>
      <c r="G149" s="334"/>
      <c r="H149" s="334"/>
      <c r="I149" s="334"/>
      <c r="J149" s="334"/>
      <c r="K149" s="334"/>
      <c r="L149" s="247"/>
      <c r="M149" s="247"/>
      <c r="N149" s="247"/>
      <c r="O149" s="247"/>
      <c r="P149" s="240"/>
      <c r="Q149" s="240"/>
      <c r="R149" s="240"/>
      <c r="S149" s="240"/>
    </row>
    <row r="150" spans="1:45" customFormat="1" ht="49.5" customHeight="1">
      <c r="A150" s="338" t="s">
        <v>249</v>
      </c>
      <c r="B150" s="339"/>
      <c r="C150" s="339"/>
      <c r="D150" s="340"/>
      <c r="E150" s="338" t="s">
        <v>325</v>
      </c>
      <c r="F150" s="339"/>
      <c r="G150" s="339"/>
      <c r="H150" s="339"/>
      <c r="I150" s="339"/>
      <c r="J150" s="339"/>
      <c r="K150" s="340"/>
      <c r="L150" s="287"/>
      <c r="M150" s="287"/>
      <c r="N150" s="287"/>
      <c r="O150" s="287"/>
      <c r="P150" s="287"/>
      <c r="Q150" s="287"/>
      <c r="R150" s="287"/>
      <c r="S150" s="287"/>
      <c r="T150" s="287"/>
      <c r="U150" s="287"/>
      <c r="V150" s="287"/>
      <c r="W150" s="287"/>
      <c r="X150" s="287"/>
      <c r="Y150" s="287"/>
      <c r="Z150" s="287"/>
      <c r="AA150" s="287"/>
      <c r="AB150" s="287"/>
      <c r="AC150" s="287"/>
      <c r="AD150" s="287"/>
      <c r="AE150" s="287"/>
      <c r="AF150" s="287"/>
      <c r="AG150" s="287"/>
      <c r="AH150" s="287"/>
      <c r="AI150" s="287"/>
      <c r="AJ150" s="287"/>
      <c r="AK150" s="287"/>
      <c r="AL150" s="287"/>
      <c r="AM150" s="287"/>
      <c r="AN150" s="287"/>
      <c r="AO150" s="287"/>
      <c r="AP150" s="287"/>
      <c r="AQ150" s="287"/>
      <c r="AR150" s="287"/>
      <c r="AS150" s="287"/>
    </row>
    <row r="151" spans="1:45" customFormat="1" ht="72">
      <c r="A151" s="32" t="s">
        <v>71</v>
      </c>
      <c r="B151" s="33" t="s">
        <v>72</v>
      </c>
      <c r="C151" s="34" t="s">
        <v>583</v>
      </c>
      <c r="D151" s="35" t="s">
        <v>73</v>
      </c>
      <c r="E151" s="60" t="s">
        <v>72</v>
      </c>
      <c r="F151" s="60" t="s">
        <v>280</v>
      </c>
      <c r="G151" s="83" t="s">
        <v>283</v>
      </c>
      <c r="H151" s="60" t="s">
        <v>281</v>
      </c>
      <c r="I151" s="83" t="s">
        <v>284</v>
      </c>
      <c r="J151" s="60" t="s">
        <v>282</v>
      </c>
      <c r="K151" s="83" t="s">
        <v>285</v>
      </c>
    </row>
    <row r="152" spans="1:45" customFormat="1" ht="60">
      <c r="A152" s="36"/>
      <c r="B152" s="37" t="s">
        <v>74</v>
      </c>
      <c r="C152" s="38" t="s">
        <v>358</v>
      </c>
      <c r="D152" s="39" t="s">
        <v>76</v>
      </c>
      <c r="E152" s="63" t="s">
        <v>74</v>
      </c>
      <c r="F152" s="63" t="s">
        <v>456</v>
      </c>
      <c r="G152" s="85" t="s">
        <v>88</v>
      </c>
      <c r="H152" s="63" t="s">
        <v>457</v>
      </c>
      <c r="I152" s="85" t="s">
        <v>88</v>
      </c>
      <c r="J152" s="63" t="s">
        <v>458</v>
      </c>
      <c r="K152" s="85" t="s">
        <v>88</v>
      </c>
    </row>
    <row r="153" spans="1:45" customFormat="1">
      <c r="A153" s="40" t="s">
        <v>350</v>
      </c>
      <c r="B153" s="144">
        <v>6468</v>
      </c>
      <c r="C153" s="79">
        <v>6.800068182731672</v>
      </c>
      <c r="D153" s="80">
        <v>5.681447164843071E-2</v>
      </c>
      <c r="E153" s="78">
        <v>6468</v>
      </c>
      <c r="F153" s="93">
        <v>0.36827973299306516</v>
      </c>
      <c r="G153" s="89">
        <v>1.1991736213723708E-2</v>
      </c>
      <c r="H153" s="93">
        <v>0.27035640952930895</v>
      </c>
      <c r="I153" s="89">
        <v>1.1043486020605384E-2</v>
      </c>
      <c r="J153" s="93">
        <v>0.36136385747762279</v>
      </c>
      <c r="K153" s="89">
        <v>1.1943515867995757E-2</v>
      </c>
    </row>
    <row r="154" spans="1:45" customFormat="1">
      <c r="A154" s="44" t="s">
        <v>351</v>
      </c>
      <c r="B154" s="44">
        <v>5924</v>
      </c>
      <c r="C154" s="146">
        <v>6.7993681235548804</v>
      </c>
      <c r="D154" s="147">
        <v>5.9403315274579149E-2</v>
      </c>
      <c r="E154" s="118">
        <v>5924</v>
      </c>
      <c r="F154" s="142">
        <v>0.36765683379411906</v>
      </c>
      <c r="G154" s="92">
        <v>1.252551821664807E-2</v>
      </c>
      <c r="H154" s="143">
        <v>0.27224640288971447</v>
      </c>
      <c r="I154" s="92">
        <v>1.1564472727911175E-2</v>
      </c>
      <c r="J154" s="143">
        <v>0.36009676331617407</v>
      </c>
      <c r="K154" s="92">
        <v>1.2470031271905732E-2</v>
      </c>
    </row>
    <row r="155" spans="1:45" customFormat="1">
      <c r="A155" s="40" t="s">
        <v>352</v>
      </c>
      <c r="B155" s="48">
        <v>544</v>
      </c>
      <c r="C155" s="79">
        <v>6.8023257744976577</v>
      </c>
      <c r="D155" s="80">
        <v>0.19457927431811514</v>
      </c>
      <c r="E155" s="78">
        <v>544</v>
      </c>
      <c r="F155" s="93">
        <v>0.37028849475106418</v>
      </c>
      <c r="G155" s="89">
        <v>4.1277028349586686E-2</v>
      </c>
      <c r="H155" s="93">
        <v>0.26426144843183563</v>
      </c>
      <c r="I155" s="89">
        <v>3.7750202223659338E-2</v>
      </c>
      <c r="J155" s="93">
        <v>0.3654500568170983</v>
      </c>
      <c r="K155" s="89">
        <v>4.1165469517478494E-2</v>
      </c>
    </row>
    <row r="156" spans="1:45" customFormat="1">
      <c r="A156" s="44" t="s">
        <v>534</v>
      </c>
      <c r="B156" s="44">
        <v>554</v>
      </c>
      <c r="C156" s="146">
        <v>6.8682288363828263</v>
      </c>
      <c r="D156" s="147">
        <v>0.19944556915620373</v>
      </c>
      <c r="E156" s="118">
        <v>554</v>
      </c>
      <c r="F156" s="142">
        <v>0.37675688422271525</v>
      </c>
      <c r="G156" s="92">
        <v>4.1046185667489146E-2</v>
      </c>
      <c r="H156" s="143">
        <v>0.23744829908130285</v>
      </c>
      <c r="I156" s="92">
        <v>3.6125166169088348E-2</v>
      </c>
      <c r="J156" s="143">
        <v>0.38579481669598165</v>
      </c>
      <c r="K156" s="92">
        <v>4.1230491185019952E-2</v>
      </c>
    </row>
    <row r="157" spans="1:45" customFormat="1">
      <c r="A157" s="40" t="s">
        <v>535</v>
      </c>
      <c r="B157" s="48">
        <v>448</v>
      </c>
      <c r="C157" s="79">
        <v>6.9393335752976464</v>
      </c>
      <c r="D157" s="80">
        <v>0.22239454170417458</v>
      </c>
      <c r="E157" s="78">
        <v>448</v>
      </c>
      <c r="F157" s="93">
        <v>0.36652477111088472</v>
      </c>
      <c r="G157" s="89">
        <v>4.5359750691060602E-2</v>
      </c>
      <c r="H157" s="93">
        <v>0.23775184886270162</v>
      </c>
      <c r="I157" s="89">
        <v>4.0180759912213225E-2</v>
      </c>
      <c r="J157" s="93">
        <v>0.395723380026414</v>
      </c>
      <c r="K157" s="89">
        <v>4.6020194518637841E-2</v>
      </c>
    </row>
    <row r="158" spans="1:45" customFormat="1">
      <c r="A158" s="44" t="s">
        <v>536</v>
      </c>
      <c r="B158" s="44">
        <v>89</v>
      </c>
      <c r="C158" s="146">
        <v>7.0484840603206793</v>
      </c>
      <c r="D158" s="147">
        <v>0.5535915613995438</v>
      </c>
      <c r="E158" s="118">
        <v>89</v>
      </c>
      <c r="F158" s="142">
        <v>0.37828467141749045</v>
      </c>
      <c r="G158" s="92">
        <v>0.1008421205883173</v>
      </c>
      <c r="H158" s="143">
        <v>0.10209639410805631</v>
      </c>
      <c r="I158" s="92">
        <v>6.7201951386648251E-2</v>
      </c>
      <c r="J158" s="143">
        <v>0.51961893447445329</v>
      </c>
      <c r="K158" s="92">
        <v>0.10362203760906775</v>
      </c>
    </row>
    <row r="159" spans="1:45" customFormat="1">
      <c r="A159" s="40" t="s">
        <v>537</v>
      </c>
      <c r="B159" s="48">
        <v>42</v>
      </c>
      <c r="C159" s="79">
        <v>7.0814365128096144</v>
      </c>
      <c r="D159" s="80">
        <v>0.77021458234740281</v>
      </c>
      <c r="E159" s="78">
        <v>42</v>
      </c>
      <c r="F159" s="93">
        <v>0.3667747891352533</v>
      </c>
      <c r="G159" s="89">
        <v>0.14301219488120212</v>
      </c>
      <c r="H159" s="93">
        <v>0.14558440293983657</v>
      </c>
      <c r="I159" s="89">
        <v>0.11239877726409471</v>
      </c>
      <c r="J159" s="93">
        <v>0.48764080792491044</v>
      </c>
      <c r="K159" s="89">
        <v>0.14740440100722388</v>
      </c>
    </row>
    <row r="160" spans="1:45" customFormat="1">
      <c r="A160" s="44" t="s">
        <v>546</v>
      </c>
      <c r="B160" s="44">
        <v>111</v>
      </c>
      <c r="C160" s="146">
        <v>6.7709952866213481</v>
      </c>
      <c r="D160" s="147">
        <v>0.45296975567034292</v>
      </c>
      <c r="E160" s="118">
        <v>111</v>
      </c>
      <c r="F160" s="142">
        <v>0.38585764264030442</v>
      </c>
      <c r="G160" s="92">
        <v>9.0958583771885634E-2</v>
      </c>
      <c r="H160" s="143">
        <v>0.24106413689386236</v>
      </c>
      <c r="I160" s="92">
        <v>8.0764886012840001E-2</v>
      </c>
      <c r="J160" s="143">
        <v>0.37307822046583439</v>
      </c>
      <c r="K160" s="92">
        <v>9.0408158204166908E-2</v>
      </c>
    </row>
    <row r="161" spans="1:11" customFormat="1">
      <c r="A161" s="40" t="s">
        <v>547</v>
      </c>
      <c r="B161" s="48">
        <v>25</v>
      </c>
      <c r="C161" s="79">
        <v>7.2032344312685117</v>
      </c>
      <c r="D161" s="80">
        <v>1.0891414818137299</v>
      </c>
      <c r="E161" s="78">
        <v>25</v>
      </c>
      <c r="F161" s="93">
        <v>0.29684420534819539</v>
      </c>
      <c r="G161" s="89">
        <v>0.1739314073896551</v>
      </c>
      <c r="H161" s="93">
        <v>0.22438531793124089</v>
      </c>
      <c r="I161" s="89">
        <v>0.16338943531290567</v>
      </c>
      <c r="J161" s="93">
        <v>0.4787704767205635</v>
      </c>
      <c r="K161" s="89">
        <v>0.18557090361115269</v>
      </c>
    </row>
    <row r="162" spans="1:11" customFormat="1">
      <c r="A162" s="44" t="s">
        <v>548</v>
      </c>
      <c r="B162" s="44">
        <v>36</v>
      </c>
      <c r="C162" s="146">
        <v>7.3499571023413388</v>
      </c>
      <c r="D162" s="147">
        <v>0.67517104473114598</v>
      </c>
      <c r="E162" s="118">
        <v>36</v>
      </c>
      <c r="F162" s="142">
        <v>0.2805628251310574</v>
      </c>
      <c r="G162" s="92">
        <v>0.14525712866888327</v>
      </c>
      <c r="H162" s="143">
        <v>0.296689354350753</v>
      </c>
      <c r="I162" s="92">
        <v>0.14714566691078806</v>
      </c>
      <c r="J162" s="143">
        <v>0.42274782051818982</v>
      </c>
      <c r="K162" s="92">
        <v>0.15657777671812217</v>
      </c>
    </row>
    <row r="163" spans="1:11" customFormat="1">
      <c r="A163" s="40" t="s">
        <v>538</v>
      </c>
      <c r="B163" s="144">
        <v>61</v>
      </c>
      <c r="C163" s="79">
        <v>6.8113254207081528</v>
      </c>
      <c r="D163" s="80">
        <v>0.55371054786619212</v>
      </c>
      <c r="E163" s="78">
        <v>61</v>
      </c>
      <c r="F163" s="93">
        <v>0.35533476560729599</v>
      </c>
      <c r="G163" s="89">
        <v>0.11937490354044124</v>
      </c>
      <c r="H163" s="93">
        <v>0.35899840075519224</v>
      </c>
      <c r="I163" s="89">
        <v>0.11961224689613016</v>
      </c>
      <c r="J163" s="93">
        <v>0.28566683363751116</v>
      </c>
      <c r="K163" s="89">
        <v>0.11355549489579374</v>
      </c>
    </row>
    <row r="164" spans="1:11" customFormat="1">
      <c r="A164" s="44" t="s">
        <v>539</v>
      </c>
      <c r="B164" s="145">
        <v>50</v>
      </c>
      <c r="C164" s="146">
        <v>6.7615599275848766</v>
      </c>
      <c r="D164" s="147">
        <v>0.60531829643585033</v>
      </c>
      <c r="E164" s="118">
        <v>50</v>
      </c>
      <c r="F164" s="142">
        <v>0.38284672198885716</v>
      </c>
      <c r="G164" s="92">
        <v>0.13284162626508481</v>
      </c>
      <c r="H164" s="143">
        <v>0.34135375904626059</v>
      </c>
      <c r="I164" s="92">
        <v>0.1300774574501658</v>
      </c>
      <c r="J164" s="143">
        <v>0.27579951896488203</v>
      </c>
      <c r="K164" s="92">
        <v>0.12379945867643495</v>
      </c>
    </row>
    <row r="165" spans="1:11" customFormat="1">
      <c r="A165" s="40" t="s">
        <v>540</v>
      </c>
      <c r="B165" s="78">
        <v>133</v>
      </c>
      <c r="C165" s="79">
        <v>6.740116912368852</v>
      </c>
      <c r="D165" s="80">
        <v>0.41162867666719721</v>
      </c>
      <c r="E165" s="78">
        <v>133</v>
      </c>
      <c r="F165" s="93">
        <v>0.40388958503786626</v>
      </c>
      <c r="G165" s="89">
        <v>8.3935030997415422E-2</v>
      </c>
      <c r="H165" s="93">
        <v>0.25647725303455143</v>
      </c>
      <c r="I165" s="89">
        <v>7.5282259231214496E-2</v>
      </c>
      <c r="J165" s="93">
        <v>0.33963316192758242</v>
      </c>
      <c r="K165" s="89">
        <v>8.11886704182022E-2</v>
      </c>
    </row>
    <row r="166" spans="1:11" customFormat="1" ht="25.5">
      <c r="A166" s="44" t="s">
        <v>541</v>
      </c>
      <c r="B166" s="145">
        <v>59</v>
      </c>
      <c r="C166" s="146">
        <v>7.0896537434812723</v>
      </c>
      <c r="D166" s="147">
        <v>0.59812518177479879</v>
      </c>
      <c r="E166" s="118">
        <v>59</v>
      </c>
      <c r="F166" s="142">
        <v>0.35302094810981843</v>
      </c>
      <c r="G166" s="92">
        <v>0.12111998249484306</v>
      </c>
      <c r="H166" s="143">
        <v>0.24459911732457254</v>
      </c>
      <c r="I166" s="92">
        <v>0.11063756300136943</v>
      </c>
      <c r="J166" s="143">
        <v>0.40237993456560939</v>
      </c>
      <c r="K166" s="92">
        <v>0.12386424317816397</v>
      </c>
    </row>
    <row r="167" spans="1:11" customFormat="1" ht="25.5">
      <c r="A167" s="52" t="s">
        <v>549</v>
      </c>
      <c r="B167" s="144">
        <v>31</v>
      </c>
      <c r="C167" s="79">
        <v>5.9240121861681345</v>
      </c>
      <c r="D167" s="80">
        <v>0.94879290401946725</v>
      </c>
      <c r="E167" s="78">
        <v>31</v>
      </c>
      <c r="F167" s="93">
        <v>0.57112796013048439</v>
      </c>
      <c r="G167" s="89">
        <v>0.16768375665384824</v>
      </c>
      <c r="H167" s="93">
        <v>0.15515255558791016</v>
      </c>
      <c r="I167" s="89">
        <v>0.13382660927446186</v>
      </c>
      <c r="J167" s="93">
        <v>0.2737194842816052</v>
      </c>
      <c r="K167" s="89">
        <v>0.15485730558201399</v>
      </c>
    </row>
    <row r="168" spans="1:11" customFormat="1">
      <c r="A168" s="44" t="s">
        <v>543</v>
      </c>
      <c r="B168" s="145">
        <v>43</v>
      </c>
      <c r="C168" s="146">
        <v>6.6803736364283619</v>
      </c>
      <c r="D168" s="147">
        <v>0.69547744814375523</v>
      </c>
      <c r="E168" s="118">
        <v>43</v>
      </c>
      <c r="F168" s="142">
        <v>0.38353122261029254</v>
      </c>
      <c r="G168" s="92">
        <v>0.14251411384130641</v>
      </c>
      <c r="H168" s="143">
        <v>0.33586574160135951</v>
      </c>
      <c r="I168" s="92">
        <v>0.13913115106003385</v>
      </c>
      <c r="J168" s="143">
        <v>0.28060303578834772</v>
      </c>
      <c r="K168" s="92">
        <v>0.13359498069480502</v>
      </c>
    </row>
    <row r="169" spans="1:11" customFormat="1">
      <c r="A169" s="52" t="s">
        <v>544</v>
      </c>
      <c r="B169" s="144">
        <v>72</v>
      </c>
      <c r="C169" s="79">
        <v>6.9140509455205237</v>
      </c>
      <c r="D169" s="80">
        <v>0.54342505310406708</v>
      </c>
      <c r="E169" s="78">
        <v>72</v>
      </c>
      <c r="F169" s="93">
        <v>0.36657078186600067</v>
      </c>
      <c r="G169" s="89">
        <v>0.11098159270608882</v>
      </c>
      <c r="H169" s="93">
        <v>0.24959526608875302</v>
      </c>
      <c r="I169" s="89">
        <v>0.10097525606493753</v>
      </c>
      <c r="J169" s="93">
        <v>0.38383395204524612</v>
      </c>
      <c r="K169" s="89">
        <v>0.111894816044847</v>
      </c>
    </row>
    <row r="170" spans="1:11" customFormat="1">
      <c r="A170" s="44" t="s">
        <v>545</v>
      </c>
      <c r="B170" s="145">
        <v>52</v>
      </c>
      <c r="C170" s="146">
        <v>6.8115413690789142</v>
      </c>
      <c r="D170" s="147">
        <v>0.64007326235448359</v>
      </c>
      <c r="E170" s="118">
        <v>52</v>
      </c>
      <c r="F170" s="142">
        <v>0.41114952256547843</v>
      </c>
      <c r="G170" s="92">
        <v>0.13179884227444549</v>
      </c>
      <c r="H170" s="143">
        <v>0.22894523190268756</v>
      </c>
      <c r="I170" s="92">
        <v>0.1154649837826152</v>
      </c>
      <c r="J170" s="143">
        <v>0.35990524553183356</v>
      </c>
      <c r="K170" s="92">
        <v>0.12902854496542521</v>
      </c>
    </row>
    <row r="171" spans="1:11" s="236" customFormat="1">
      <c r="A171" s="229"/>
      <c r="B171" s="230"/>
      <c r="C171" s="231"/>
      <c r="D171" s="232"/>
      <c r="E171" s="233"/>
      <c r="F171" s="234"/>
      <c r="G171" s="235"/>
      <c r="H171" s="234"/>
      <c r="I171" s="235"/>
    </row>
    <row r="172" spans="1:11" s="236" customFormat="1">
      <c r="A172" s="229"/>
      <c r="B172" s="230"/>
      <c r="C172" s="231"/>
      <c r="D172" s="232"/>
      <c r="E172" s="233"/>
      <c r="F172" s="234"/>
      <c r="G172" s="235"/>
      <c r="H172" s="234"/>
      <c r="I172" s="235"/>
    </row>
    <row r="173" spans="1:11" s="236" customFormat="1">
      <c r="A173" s="229"/>
      <c r="B173" s="230"/>
      <c r="C173" s="231"/>
      <c r="D173" s="232"/>
      <c r="E173" s="233"/>
      <c r="F173" s="234"/>
      <c r="G173" s="235"/>
      <c r="H173" s="234"/>
      <c r="I173" s="235"/>
    </row>
    <row r="174" spans="1:11" s="236" customFormat="1">
      <c r="A174" s="229"/>
      <c r="B174" s="230"/>
      <c r="C174" s="231"/>
      <c r="D174" s="232"/>
      <c r="E174" s="233"/>
      <c r="F174" s="234"/>
      <c r="G174" s="235"/>
      <c r="H174" s="234"/>
      <c r="I174" s="235"/>
    </row>
    <row r="175" spans="1:11" s="236" customFormat="1">
      <c r="A175" s="229"/>
      <c r="B175" s="230"/>
      <c r="C175" s="231"/>
      <c r="D175" s="232"/>
      <c r="E175" s="233"/>
      <c r="F175" s="234"/>
      <c r="G175" s="235"/>
      <c r="H175" s="234"/>
      <c r="I175" s="235"/>
    </row>
    <row r="176" spans="1:11" s="236" customFormat="1">
      <c r="A176" s="229"/>
      <c r="B176" s="230"/>
      <c r="C176" s="231"/>
      <c r="D176" s="232"/>
      <c r="E176" s="233"/>
      <c r="F176" s="234"/>
      <c r="G176" s="235"/>
      <c r="H176" s="234"/>
      <c r="I176" s="235"/>
    </row>
    <row r="177" spans="1:22" customFormat="1" ht="18.75">
      <c r="A177" s="335" t="s">
        <v>250</v>
      </c>
      <c r="B177" s="335"/>
      <c r="C177" s="335"/>
      <c r="D177" s="335"/>
      <c r="E177" s="335"/>
      <c r="F177" s="335"/>
      <c r="G177" s="335"/>
      <c r="H177" s="335"/>
      <c r="I177" s="335"/>
      <c r="J177" s="335"/>
      <c r="K177" s="335"/>
      <c r="L177" s="335"/>
      <c r="M177" s="335"/>
      <c r="N177" s="335"/>
      <c r="O177" s="335"/>
      <c r="P177" s="335"/>
      <c r="Q177" s="335"/>
      <c r="R177" s="335"/>
      <c r="S177" s="335"/>
      <c r="T177" s="335"/>
      <c r="U177" s="335"/>
      <c r="V177" s="335"/>
    </row>
    <row r="178" spans="1:22" customFormat="1" ht="80.25" customHeight="1">
      <c r="A178" s="336" t="s">
        <v>576</v>
      </c>
      <c r="B178" s="336"/>
      <c r="C178" s="336"/>
      <c r="D178" s="336"/>
      <c r="E178" s="336"/>
      <c r="F178" s="336"/>
      <c r="G178" s="336"/>
      <c r="H178" s="336"/>
      <c r="I178" s="336"/>
      <c r="J178" s="336"/>
      <c r="K178" s="336"/>
      <c r="L178" s="336"/>
      <c r="M178" s="336"/>
      <c r="N178" s="336"/>
      <c r="O178" s="336"/>
      <c r="P178" s="336"/>
      <c r="Q178" s="336"/>
      <c r="R178" s="336"/>
      <c r="S178" s="336"/>
      <c r="T178" s="336"/>
      <c r="U178" s="336"/>
      <c r="V178" s="336"/>
    </row>
    <row r="179" spans="1:22" customFormat="1" ht="15.75">
      <c r="A179" s="292"/>
      <c r="B179" s="337" t="s">
        <v>286</v>
      </c>
      <c r="C179" s="337"/>
      <c r="D179" s="337"/>
      <c r="E179" s="337"/>
      <c r="F179" s="337"/>
      <c r="G179" s="337"/>
      <c r="H179" s="337"/>
      <c r="I179" s="337" t="s">
        <v>287</v>
      </c>
      <c r="J179" s="337"/>
      <c r="K179" s="337"/>
      <c r="L179" s="337"/>
      <c r="M179" s="337"/>
      <c r="N179" s="337"/>
      <c r="O179" s="337"/>
      <c r="P179" s="337" t="s">
        <v>288</v>
      </c>
      <c r="Q179" s="337"/>
      <c r="R179" s="337"/>
      <c r="S179" s="337"/>
      <c r="T179" s="337"/>
      <c r="U179" s="337"/>
      <c r="V179" s="337"/>
    </row>
    <row r="180" spans="1:22" customFormat="1" ht="72">
      <c r="A180" s="32" t="s">
        <v>71</v>
      </c>
      <c r="B180" s="33" t="s">
        <v>72</v>
      </c>
      <c r="C180" s="33" t="s">
        <v>251</v>
      </c>
      <c r="D180" s="84" t="s">
        <v>254</v>
      </c>
      <c r="E180" s="33" t="s">
        <v>253</v>
      </c>
      <c r="F180" s="84" t="s">
        <v>255</v>
      </c>
      <c r="G180" s="33" t="s">
        <v>252</v>
      </c>
      <c r="H180" s="84" t="s">
        <v>256</v>
      </c>
      <c r="I180" s="60" t="s">
        <v>72</v>
      </c>
      <c r="J180" s="60" t="s">
        <v>257</v>
      </c>
      <c r="K180" s="83" t="s">
        <v>258</v>
      </c>
      <c r="L180" s="60" t="s">
        <v>259</v>
      </c>
      <c r="M180" s="83" t="s">
        <v>260</v>
      </c>
      <c r="N180" s="60" t="s">
        <v>261</v>
      </c>
      <c r="O180" s="83" t="s">
        <v>262</v>
      </c>
      <c r="P180" s="33" t="s">
        <v>72</v>
      </c>
      <c r="Q180" s="33" t="s">
        <v>263</v>
      </c>
      <c r="R180" s="84" t="s">
        <v>264</v>
      </c>
      <c r="S180" s="33" t="s">
        <v>265</v>
      </c>
      <c r="T180" s="84" t="s">
        <v>266</v>
      </c>
      <c r="U180" s="33" t="s">
        <v>267</v>
      </c>
      <c r="V180" s="84" t="s">
        <v>268</v>
      </c>
    </row>
    <row r="181" spans="1:22" customFormat="1" ht="60">
      <c r="A181" s="36"/>
      <c r="B181" s="37" t="s">
        <v>74</v>
      </c>
      <c r="C181" s="37" t="s">
        <v>456</v>
      </c>
      <c r="D181" s="86" t="s">
        <v>88</v>
      </c>
      <c r="E181" s="37" t="s">
        <v>457</v>
      </c>
      <c r="F181" s="86" t="s">
        <v>88</v>
      </c>
      <c r="G181" s="37" t="s">
        <v>458</v>
      </c>
      <c r="H181" s="86" t="s">
        <v>88</v>
      </c>
      <c r="I181" s="63" t="s">
        <v>74</v>
      </c>
      <c r="J181" s="63" t="s">
        <v>456</v>
      </c>
      <c r="K181" s="85" t="s">
        <v>88</v>
      </c>
      <c r="L181" s="63" t="s">
        <v>457</v>
      </c>
      <c r="M181" s="85" t="s">
        <v>88</v>
      </c>
      <c r="N181" s="63" t="s">
        <v>458</v>
      </c>
      <c r="O181" s="85" t="s">
        <v>88</v>
      </c>
      <c r="P181" s="37" t="s">
        <v>74</v>
      </c>
      <c r="Q181" s="37" t="s">
        <v>456</v>
      </c>
      <c r="R181" s="86" t="s">
        <v>88</v>
      </c>
      <c r="S181" s="37" t="s">
        <v>457</v>
      </c>
      <c r="T181" s="86" t="s">
        <v>88</v>
      </c>
      <c r="U181" s="37" t="s">
        <v>458</v>
      </c>
      <c r="V181" s="86" t="s">
        <v>88</v>
      </c>
    </row>
    <row r="182" spans="1:22" customFormat="1">
      <c r="A182" s="40" t="s">
        <v>350</v>
      </c>
      <c r="B182" s="78">
        <v>6503</v>
      </c>
      <c r="C182" s="93">
        <v>0.3578131136007402</v>
      </c>
      <c r="D182" s="89">
        <v>1.1885622044660829E-2</v>
      </c>
      <c r="E182" s="93">
        <v>0.36015068119094584</v>
      </c>
      <c r="F182" s="89">
        <v>1.1902637808332206E-2</v>
      </c>
      <c r="G182" s="93">
        <v>0.28203620520831146</v>
      </c>
      <c r="H182" s="89">
        <v>1.1158502205965213E-2</v>
      </c>
      <c r="I182" s="78">
        <v>6432</v>
      </c>
      <c r="J182" s="93">
        <v>0.7641493206723452</v>
      </c>
      <c r="K182" s="89">
        <v>1.0586053895400674E-2</v>
      </c>
      <c r="L182" s="93">
        <v>0.16459306922831163</v>
      </c>
      <c r="M182" s="89">
        <v>9.2490566270787677E-3</v>
      </c>
      <c r="N182" s="93">
        <v>7.1257610099335469E-2</v>
      </c>
      <c r="O182" s="89">
        <v>6.4244126283592648E-3</v>
      </c>
      <c r="P182" s="78">
        <v>6443</v>
      </c>
      <c r="Q182" s="93">
        <v>0.86899939414504301</v>
      </c>
      <c r="R182" s="89">
        <v>8.4104551550967434E-3</v>
      </c>
      <c r="S182" s="93">
        <v>8.4255579390456817E-2</v>
      </c>
      <c r="T182" s="89">
        <v>6.9285161849068598E-3</v>
      </c>
      <c r="U182" s="93">
        <v>4.6745026464494438E-2</v>
      </c>
      <c r="V182" s="89">
        <v>5.2730487261278686E-3</v>
      </c>
    </row>
    <row r="183" spans="1:22" customFormat="1">
      <c r="A183" s="44" t="s">
        <v>351</v>
      </c>
      <c r="B183" s="150">
        <v>5959</v>
      </c>
      <c r="C183" s="154">
        <v>0.36301915716143268</v>
      </c>
      <c r="D183" s="92">
        <v>1.245515622281324E-2</v>
      </c>
      <c r="E183" s="154">
        <v>0.35211328834267452</v>
      </c>
      <c r="F183" s="92">
        <v>1.2371326041896037E-2</v>
      </c>
      <c r="G183" s="154">
        <v>0.2848675544958999</v>
      </c>
      <c r="H183" s="92">
        <v>1.1691721960768727E-2</v>
      </c>
      <c r="I183" s="150">
        <v>5891</v>
      </c>
      <c r="J183" s="154">
        <v>0.75784562269809086</v>
      </c>
      <c r="K183" s="92">
        <v>1.1161725130409915E-2</v>
      </c>
      <c r="L183" s="154">
        <v>0.16861212839374917</v>
      </c>
      <c r="M183" s="92">
        <v>9.7580939178185232E-3</v>
      </c>
      <c r="N183" s="154">
        <v>7.3542248908162397E-2</v>
      </c>
      <c r="O183" s="92">
        <v>6.8116803447185598E-3</v>
      </c>
      <c r="P183" s="150">
        <v>5900</v>
      </c>
      <c r="Q183" s="154">
        <v>0.86603586133162525</v>
      </c>
      <c r="R183" s="92">
        <v>8.87275428612261E-3</v>
      </c>
      <c r="S183" s="154">
        <v>8.4560147297164101E-2</v>
      </c>
      <c r="T183" s="92">
        <v>7.252861864868951E-3</v>
      </c>
      <c r="U183" s="154">
        <v>4.9403991371211937E-2</v>
      </c>
      <c r="V183" s="92">
        <v>5.6572291914456481E-3</v>
      </c>
    </row>
    <row r="184" spans="1:22" customFormat="1">
      <c r="A184" s="40" t="s">
        <v>352</v>
      </c>
      <c r="B184" s="78">
        <v>544</v>
      </c>
      <c r="C184" s="93">
        <v>0.34092582225704426</v>
      </c>
      <c r="D184" s="89">
        <v>4.0531457360053626E-2</v>
      </c>
      <c r="E184" s="93">
        <v>0.38622226378342661</v>
      </c>
      <c r="F184" s="89">
        <v>4.1613701471487928E-2</v>
      </c>
      <c r="G184" s="93">
        <v>0.27285191395952757</v>
      </c>
      <c r="H184" s="89">
        <v>3.8127162182492569E-2</v>
      </c>
      <c r="I184" s="78">
        <v>541</v>
      </c>
      <c r="J184" s="93">
        <v>0.78443943074302636</v>
      </c>
      <c r="K184" s="89">
        <v>3.5351701874865166E-2</v>
      </c>
      <c r="L184" s="93">
        <v>0.15165667012096176</v>
      </c>
      <c r="M184" s="89">
        <v>3.0940199300461931E-2</v>
      </c>
      <c r="N184" s="93">
        <v>6.3903899136010911E-2</v>
      </c>
      <c r="O184" s="89">
        <v>2.1435044019019314E-2</v>
      </c>
      <c r="P184" s="78">
        <v>543</v>
      </c>
      <c r="Q184" s="93">
        <v>0.87850619510786099</v>
      </c>
      <c r="R184" s="89">
        <v>2.8209287162697199E-2</v>
      </c>
      <c r="S184" s="93">
        <v>8.3278547364490668E-2</v>
      </c>
      <c r="T184" s="89">
        <v>2.4016099820241124E-2</v>
      </c>
      <c r="U184" s="93">
        <v>3.8215257527648129E-2</v>
      </c>
      <c r="V184" s="89">
        <v>1.7073281670986422E-2</v>
      </c>
    </row>
    <row r="185" spans="1:22" customFormat="1">
      <c r="A185" s="44" t="s">
        <v>534</v>
      </c>
      <c r="B185" s="150">
        <v>556</v>
      </c>
      <c r="C185" s="154">
        <v>0.35861168011104361</v>
      </c>
      <c r="D185" s="92">
        <v>4.0558062777930642E-2</v>
      </c>
      <c r="E185" s="154">
        <v>0.34345657369149335</v>
      </c>
      <c r="F185" s="92">
        <v>4.0164215493726063E-2</v>
      </c>
      <c r="G185" s="154">
        <v>0.29793174619746254</v>
      </c>
      <c r="H185" s="92">
        <v>3.8706740446185155E-2</v>
      </c>
      <c r="I185" s="150">
        <v>553</v>
      </c>
      <c r="J185" s="154">
        <v>0.73513935235146544</v>
      </c>
      <c r="K185" s="92">
        <v>3.7469389279738162E-2</v>
      </c>
      <c r="L185" s="154">
        <v>0.21080354636362433</v>
      </c>
      <c r="M185" s="92">
        <v>3.4688903431633E-2</v>
      </c>
      <c r="N185" s="154">
        <v>5.4057101284909773E-2</v>
      </c>
      <c r="O185" s="92">
        <v>1.9688946695784377E-2</v>
      </c>
      <c r="P185" s="150">
        <v>553</v>
      </c>
      <c r="Q185" s="154">
        <v>0.87220141245215099</v>
      </c>
      <c r="R185" s="92">
        <v>2.8543164446464542E-2</v>
      </c>
      <c r="S185" s="154">
        <v>9.0481615673915494E-2</v>
      </c>
      <c r="T185" s="92">
        <v>2.4662131680067242E-2</v>
      </c>
      <c r="U185" s="154">
        <v>3.7316971873932805E-2</v>
      </c>
      <c r="V185" s="92">
        <v>1.6732786272946568E-2</v>
      </c>
    </row>
    <row r="186" spans="1:22" customFormat="1">
      <c r="A186" s="40" t="s">
        <v>535</v>
      </c>
      <c r="B186" s="78">
        <v>450</v>
      </c>
      <c r="C186" s="93">
        <v>0.34768271963403097</v>
      </c>
      <c r="D186" s="89">
        <v>4.4741692848846638E-2</v>
      </c>
      <c r="E186" s="93">
        <v>0.34929840128288164</v>
      </c>
      <c r="F186" s="89">
        <v>4.4789026593706323E-2</v>
      </c>
      <c r="G186" s="93">
        <v>0.30301887908308767</v>
      </c>
      <c r="H186" s="89">
        <v>4.3206211206033032E-2</v>
      </c>
      <c r="I186" s="78">
        <v>449</v>
      </c>
      <c r="J186" s="93">
        <v>0.75468062116559897</v>
      </c>
      <c r="K186" s="89">
        <v>4.0556634001036797E-2</v>
      </c>
      <c r="L186" s="93">
        <v>0.17962716781822347</v>
      </c>
      <c r="M186" s="89">
        <v>3.6292392505402976E-2</v>
      </c>
      <c r="N186" s="93">
        <v>6.569221101617706E-2</v>
      </c>
      <c r="O186" s="89">
        <v>2.3900665036945622E-2</v>
      </c>
      <c r="P186" s="78">
        <v>447</v>
      </c>
      <c r="Q186" s="93">
        <v>0.87959097287778076</v>
      </c>
      <c r="R186" s="89">
        <v>3.1014661690661863E-2</v>
      </c>
      <c r="S186" s="93">
        <v>7.9057324569650242E-2</v>
      </c>
      <c r="T186" s="89">
        <v>2.595176046887648E-2</v>
      </c>
      <c r="U186" s="93">
        <v>4.1351702552567815E-2</v>
      </c>
      <c r="V186" s="89">
        <v>1.9609627565406532E-2</v>
      </c>
    </row>
    <row r="187" spans="1:22" customFormat="1">
      <c r="A187" s="44" t="s">
        <v>536</v>
      </c>
      <c r="B187" s="150">
        <v>91</v>
      </c>
      <c r="C187" s="154">
        <v>0.31986965337971129</v>
      </c>
      <c r="D187" s="92">
        <v>9.6295140306183913E-2</v>
      </c>
      <c r="E187" s="154">
        <v>0.33491276179077062</v>
      </c>
      <c r="F187" s="92">
        <v>9.7331326341307187E-2</v>
      </c>
      <c r="G187" s="154">
        <v>0.34521758482951798</v>
      </c>
      <c r="H187" s="92">
        <v>9.7983331004672963E-2</v>
      </c>
      <c r="I187" s="150">
        <v>88</v>
      </c>
      <c r="J187" s="154">
        <v>0.75088463479998968</v>
      </c>
      <c r="K187" s="92">
        <v>9.146423106918608E-2</v>
      </c>
      <c r="L187" s="154">
        <v>0.19759202835582079</v>
      </c>
      <c r="M187" s="92">
        <v>8.5039317940561993E-2</v>
      </c>
      <c r="N187" s="154">
        <v>5.1523336844189541E-2</v>
      </c>
      <c r="O187" s="92">
        <v>5.3559455767391677E-2</v>
      </c>
      <c r="P187" s="150">
        <v>89</v>
      </c>
      <c r="Q187" s="154">
        <v>0.84813281319653211</v>
      </c>
      <c r="R187" s="92">
        <v>7.7322072298473224E-2</v>
      </c>
      <c r="S187" s="154">
        <v>9.7207248417140305E-2</v>
      </c>
      <c r="T187" s="92">
        <v>6.6044678556794065E-2</v>
      </c>
      <c r="U187" s="154">
        <v>5.4659938386327586E-2</v>
      </c>
      <c r="V187" s="92">
        <v>5.4226046761252401E-2</v>
      </c>
    </row>
    <row r="188" spans="1:22" customFormat="1">
      <c r="A188" s="40" t="s">
        <v>537</v>
      </c>
      <c r="B188" s="78">
        <v>43</v>
      </c>
      <c r="C188" s="93">
        <v>0.32428937601099328</v>
      </c>
      <c r="D188" s="89">
        <v>0.13812031098398286</v>
      </c>
      <c r="E188" s="93">
        <v>0.32528109652659126</v>
      </c>
      <c r="F188" s="89">
        <v>0.13820990210015957</v>
      </c>
      <c r="G188" s="93">
        <v>0.3504295274624159</v>
      </c>
      <c r="H188" s="89">
        <v>0.14029589441884582</v>
      </c>
      <c r="I188" s="78">
        <v>41</v>
      </c>
      <c r="J188" s="93">
        <v>0.75439474351455349</v>
      </c>
      <c r="K188" s="89">
        <v>0.13208655791567853</v>
      </c>
      <c r="L188" s="93">
        <v>0.18685618449199326</v>
      </c>
      <c r="M188" s="89">
        <v>0.12241963644814753</v>
      </c>
      <c r="N188" s="93">
        <v>5.8749071993453382E-2</v>
      </c>
      <c r="O188" s="89">
        <v>8.8630562098657439E-2</v>
      </c>
      <c r="P188" s="78">
        <v>42</v>
      </c>
      <c r="Q188" s="93">
        <v>0.87417056829983408</v>
      </c>
      <c r="R188" s="89">
        <v>0.10765735177378977</v>
      </c>
      <c r="S188" s="93">
        <v>6.8252264878267382E-2</v>
      </c>
      <c r="T188" s="89">
        <v>9.0699143660634599E-2</v>
      </c>
      <c r="U188" s="93">
        <v>5.757716682189841E-2</v>
      </c>
      <c r="V188" s="89">
        <v>8.6889916057391589E-2</v>
      </c>
    </row>
    <row r="189" spans="1:22" customFormat="1">
      <c r="A189" s="44" t="s">
        <v>546</v>
      </c>
      <c r="B189" s="150">
        <v>111</v>
      </c>
      <c r="C189" s="154">
        <v>0.37500462887773517</v>
      </c>
      <c r="D189" s="92">
        <v>9.0495088702161219E-2</v>
      </c>
      <c r="E189" s="154">
        <v>0.3295110466265922</v>
      </c>
      <c r="F189" s="92">
        <v>8.8055391164436156E-2</v>
      </c>
      <c r="G189" s="154">
        <v>0.29548432449567369</v>
      </c>
      <c r="H189" s="92">
        <v>8.5675305382387962E-2</v>
      </c>
      <c r="I189" s="150">
        <v>109</v>
      </c>
      <c r="J189" s="154">
        <v>0.70109452203543687</v>
      </c>
      <c r="K189" s="92">
        <v>8.6704310916058264E-2</v>
      </c>
      <c r="L189" s="154">
        <v>0.2593029928327597</v>
      </c>
      <c r="M189" s="92">
        <v>8.3314937738250897E-2</v>
      </c>
      <c r="N189" s="154">
        <v>3.9602485131804553E-2</v>
      </c>
      <c r="O189" s="92">
        <v>4.3221987647063302E-2</v>
      </c>
      <c r="P189" s="150">
        <v>111</v>
      </c>
      <c r="Q189" s="154">
        <v>0.85941375126588004</v>
      </c>
      <c r="R189" s="92">
        <v>6.7153758513138317E-2</v>
      </c>
      <c r="S189" s="154">
        <v>0.10515029687650786</v>
      </c>
      <c r="T189" s="92">
        <v>6.0361446572914874E-2</v>
      </c>
      <c r="U189" s="154">
        <v>3.5435951857612551E-2</v>
      </c>
      <c r="V189" s="92">
        <v>4.1255382004617425E-2</v>
      </c>
    </row>
    <row r="190" spans="1:22" customFormat="1">
      <c r="A190" s="40" t="s">
        <v>547</v>
      </c>
      <c r="B190" s="78">
        <v>25</v>
      </c>
      <c r="C190" s="93">
        <v>0.32435079942089506</v>
      </c>
      <c r="D190" s="89">
        <v>0.17697514390363264</v>
      </c>
      <c r="E190" s="93">
        <v>0.29161949114463459</v>
      </c>
      <c r="F190" s="89">
        <v>0.17329665859463861</v>
      </c>
      <c r="G190" s="93">
        <v>0.38402970943447029</v>
      </c>
      <c r="H190" s="89">
        <v>0.18194547180891951</v>
      </c>
      <c r="I190" s="78">
        <v>25</v>
      </c>
      <c r="J190" s="93">
        <v>0.79104669219061852</v>
      </c>
      <c r="K190" s="89">
        <v>0.16062293622024168</v>
      </c>
      <c r="L190" s="93">
        <v>0.1814467137366817</v>
      </c>
      <c r="M190" s="89">
        <v>0.15518027586465372</v>
      </c>
      <c r="N190" s="93">
        <v>2.7506594072699654E-2</v>
      </c>
      <c r="O190" s="89">
        <v>0.10769616804048845</v>
      </c>
      <c r="P190" s="78">
        <v>25</v>
      </c>
      <c r="Q190" s="93">
        <v>0.84776947462491625</v>
      </c>
      <c r="R190" s="89">
        <v>0.14861159641476429</v>
      </c>
      <c r="S190" s="93">
        <v>0.12472393130238395</v>
      </c>
      <c r="T190" s="89">
        <v>0.14158647283599224</v>
      </c>
      <c r="U190" s="93">
        <v>2.7506594072699654E-2</v>
      </c>
      <c r="V190" s="89">
        <v>0.10769616804048845</v>
      </c>
    </row>
    <row r="191" spans="1:22" customFormat="1">
      <c r="A191" s="44" t="s">
        <v>548</v>
      </c>
      <c r="B191" s="150">
        <v>36</v>
      </c>
      <c r="C191" s="154">
        <v>0.2610016132261469</v>
      </c>
      <c r="D191" s="92">
        <v>0.14273493426866163</v>
      </c>
      <c r="E191" s="154">
        <v>0.46230384107643102</v>
      </c>
      <c r="F191" s="92">
        <v>0.15774948167203318</v>
      </c>
      <c r="G191" s="154">
        <v>0.27669454569742225</v>
      </c>
      <c r="H191" s="92">
        <v>0.14477882649191584</v>
      </c>
      <c r="I191" s="150">
        <v>36</v>
      </c>
      <c r="J191" s="154">
        <v>0.87006664208467543</v>
      </c>
      <c r="K191" s="92">
        <v>0.11792838976985143</v>
      </c>
      <c r="L191" s="154">
        <v>7.4451710947086414E-2</v>
      </c>
      <c r="M191" s="92">
        <v>0.10164448311844165</v>
      </c>
      <c r="N191" s="154">
        <v>5.5481646968238277E-2</v>
      </c>
      <c r="O191" s="92">
        <v>9.4840276988483824E-2</v>
      </c>
      <c r="P191" s="150">
        <v>36</v>
      </c>
      <c r="Q191" s="154">
        <v>0.94002483284401339</v>
      </c>
      <c r="R191" s="92">
        <v>9.6522690932901611E-2</v>
      </c>
      <c r="S191" s="154">
        <v>2.5859819305077782E-2</v>
      </c>
      <c r="T191" s="92">
        <v>8.2404357973941564E-2</v>
      </c>
      <c r="U191" s="154">
        <v>3.4115347850908966E-2</v>
      </c>
      <c r="V191" s="92">
        <v>8.6134027899811783E-2</v>
      </c>
    </row>
    <row r="192" spans="1:22" customFormat="1">
      <c r="A192" s="40" t="s">
        <v>538</v>
      </c>
      <c r="B192" s="78">
        <v>61</v>
      </c>
      <c r="C192" s="93">
        <v>0.36585977510051598</v>
      </c>
      <c r="D192" s="89">
        <v>0.12003918732854411</v>
      </c>
      <c r="E192" s="93">
        <v>0.38099628890529585</v>
      </c>
      <c r="F192" s="89">
        <v>0.12090110057681</v>
      </c>
      <c r="G192" s="93">
        <v>0.2531439359941875</v>
      </c>
      <c r="H192" s="89">
        <v>0.10991783339526877</v>
      </c>
      <c r="I192" s="78">
        <v>62</v>
      </c>
      <c r="J192" s="93">
        <v>0.7207556890423592</v>
      </c>
      <c r="K192" s="89">
        <v>0.11200513079882572</v>
      </c>
      <c r="L192" s="93">
        <v>0.24067262950979501</v>
      </c>
      <c r="M192" s="89">
        <v>0.10749316961521421</v>
      </c>
      <c r="N192" s="93">
        <v>3.8571681447845056E-2</v>
      </c>
      <c r="O192" s="89">
        <v>6.1353351730934362E-2</v>
      </c>
      <c r="P192" s="78">
        <v>61</v>
      </c>
      <c r="Q192" s="93">
        <v>0.9305053490732802</v>
      </c>
      <c r="R192" s="89">
        <v>7.3074768190882086E-2</v>
      </c>
      <c r="S192" s="93">
        <v>1.6438431779902968E-2</v>
      </c>
      <c r="T192" s="89">
        <v>5.2072133498046222E-2</v>
      </c>
      <c r="U192" s="93">
        <v>5.3056219146816595E-2</v>
      </c>
      <c r="V192" s="89">
        <v>6.7514313202969356E-2</v>
      </c>
    </row>
    <row r="193" spans="1:22" customFormat="1">
      <c r="A193" s="44" t="s">
        <v>539</v>
      </c>
      <c r="B193" s="150">
        <v>50</v>
      </c>
      <c r="C193" s="154">
        <v>0.38767122202719301</v>
      </c>
      <c r="D193" s="92">
        <v>0.13310600324870539</v>
      </c>
      <c r="E193" s="154">
        <v>0.37223474121058692</v>
      </c>
      <c r="F193" s="92">
        <v>0.13221890777279491</v>
      </c>
      <c r="G193" s="154">
        <v>0.24009403676221971</v>
      </c>
      <c r="H193" s="92">
        <v>0.11928360580192006</v>
      </c>
      <c r="I193" s="150">
        <v>50</v>
      </c>
      <c r="J193" s="154">
        <v>0.72231276521833521</v>
      </c>
      <c r="K193" s="92">
        <v>0.12401546289330963</v>
      </c>
      <c r="L193" s="154">
        <v>0.2328432507752661</v>
      </c>
      <c r="M193" s="92">
        <v>0.11826191554156551</v>
      </c>
      <c r="N193" s="154">
        <v>4.4843984006398427E-2</v>
      </c>
      <c r="O193" s="92">
        <v>7.322602733078315E-2</v>
      </c>
      <c r="P193" s="150">
        <v>50</v>
      </c>
      <c r="Q193" s="154">
        <v>0.93377931300848427</v>
      </c>
      <c r="R193" s="92">
        <v>8.1048351397836782E-2</v>
      </c>
      <c r="S193" s="154">
        <v>1.8910896597204848E-2</v>
      </c>
      <c r="T193" s="92">
        <v>6.1807189724286921E-2</v>
      </c>
      <c r="U193" s="154">
        <v>4.7309790394310783E-2</v>
      </c>
      <c r="V193" s="92">
        <v>7.419039825859243E-2</v>
      </c>
    </row>
    <row r="194" spans="1:22" customFormat="1">
      <c r="A194" s="40" t="s">
        <v>540</v>
      </c>
      <c r="B194" s="78">
        <v>133</v>
      </c>
      <c r="C194" s="93">
        <v>0.35202487410055439</v>
      </c>
      <c r="D194" s="89">
        <v>8.1833609301618301E-2</v>
      </c>
      <c r="E194" s="93">
        <v>0.31984928098396997</v>
      </c>
      <c r="F194" s="89">
        <v>8.0038894319301279E-2</v>
      </c>
      <c r="G194" s="93">
        <v>0.32812584491547581</v>
      </c>
      <c r="H194" s="89">
        <v>8.0538171227889865E-2</v>
      </c>
      <c r="I194" s="78">
        <v>134</v>
      </c>
      <c r="J194" s="93">
        <v>0.71566988838765599</v>
      </c>
      <c r="K194" s="89">
        <v>7.7299315725969153E-2</v>
      </c>
      <c r="L194" s="93">
        <v>0.21646960587761016</v>
      </c>
      <c r="M194" s="89">
        <v>7.1058913213425029E-2</v>
      </c>
      <c r="N194" s="93">
        <v>6.7860505734734261E-2</v>
      </c>
      <c r="O194" s="89">
        <v>4.6289677958653526E-2</v>
      </c>
      <c r="P194" s="78">
        <v>133</v>
      </c>
      <c r="Q194" s="93">
        <v>0.82853996104889571</v>
      </c>
      <c r="R194" s="89">
        <v>6.5796070293524495E-2</v>
      </c>
      <c r="S194" s="93">
        <v>0.12118569078660459</v>
      </c>
      <c r="T194" s="89">
        <v>5.7884094601284589E-2</v>
      </c>
      <c r="U194" s="93">
        <v>5.0274348164499959E-2</v>
      </c>
      <c r="V194" s="89">
        <v>4.1639687359207853E-2</v>
      </c>
    </row>
    <row r="195" spans="1:22" customFormat="1" ht="25.5">
      <c r="A195" s="44" t="s">
        <v>541</v>
      </c>
      <c r="B195" s="150">
        <v>59</v>
      </c>
      <c r="C195" s="154">
        <v>0.29912259919424683</v>
      </c>
      <c r="D195" s="92">
        <v>0.11673049450656402</v>
      </c>
      <c r="E195" s="154">
        <v>0.35521837692907005</v>
      </c>
      <c r="F195" s="92">
        <v>0.12126727279809388</v>
      </c>
      <c r="G195" s="154">
        <v>0.34565902387668346</v>
      </c>
      <c r="H195" s="92">
        <v>0.12060896820824664</v>
      </c>
      <c r="I195" s="150">
        <v>60</v>
      </c>
      <c r="J195" s="154">
        <v>0.74056936729841638</v>
      </c>
      <c r="K195" s="92">
        <v>0.1115612256924212</v>
      </c>
      <c r="L195" s="154">
        <v>0.19206082239779676</v>
      </c>
      <c r="M195" s="92">
        <v>0.10205891799437254</v>
      </c>
      <c r="N195" s="154">
        <v>6.7369810303787081E-2</v>
      </c>
      <c r="O195" s="92">
        <v>7.3099290630724623E-2</v>
      </c>
      <c r="P195" s="150">
        <v>59</v>
      </c>
      <c r="Q195" s="154">
        <v>0.87415132878522783</v>
      </c>
      <c r="R195" s="92">
        <v>8.9875702960511103E-2</v>
      </c>
      <c r="S195" s="154">
        <v>8.8490288056823144E-2</v>
      </c>
      <c r="T195" s="92">
        <v>8.0269636228364444E-2</v>
      </c>
      <c r="U195" s="154">
        <v>3.7358383157949107E-2</v>
      </c>
      <c r="V195" s="92">
        <v>6.2882724628227082E-2</v>
      </c>
    </row>
    <row r="196" spans="1:22" customFormat="1" ht="25.5">
      <c r="A196" s="52" t="s">
        <v>549</v>
      </c>
      <c r="B196" s="78">
        <v>31</v>
      </c>
      <c r="C196" s="93">
        <v>0.5588586588187815</v>
      </c>
      <c r="D196" s="89">
        <v>0.1681095762625241</v>
      </c>
      <c r="E196" s="93">
        <v>0.22927150698125345</v>
      </c>
      <c r="F196" s="89">
        <v>0.1483246131443943</v>
      </c>
      <c r="G196" s="93">
        <v>0.21186983419996494</v>
      </c>
      <c r="H196" s="89">
        <v>0.14535570068344864</v>
      </c>
      <c r="I196" s="78">
        <v>31</v>
      </c>
      <c r="J196" s="93">
        <v>0.69312090077043098</v>
      </c>
      <c r="K196" s="89">
        <v>0.15883213701175344</v>
      </c>
      <c r="L196" s="93">
        <v>0.26187361744856624</v>
      </c>
      <c r="M196" s="89">
        <v>0.15325651850352437</v>
      </c>
      <c r="N196" s="93">
        <v>4.5005481781002485E-2</v>
      </c>
      <c r="O196" s="89">
        <v>0.10005422149533159</v>
      </c>
      <c r="P196" s="78">
        <v>31</v>
      </c>
      <c r="Q196" s="93">
        <v>0.75290899533939293</v>
      </c>
      <c r="R196" s="89">
        <v>0.15111838712865966</v>
      </c>
      <c r="S196" s="93">
        <v>0.16113074941222674</v>
      </c>
      <c r="T196" s="89">
        <v>0.13518883228734446</v>
      </c>
      <c r="U196" s="93">
        <v>8.5960255248380177E-2</v>
      </c>
      <c r="V196" s="89">
        <v>0.11489909570502375</v>
      </c>
    </row>
    <row r="197" spans="1:22" customFormat="1">
      <c r="A197" s="44" t="s">
        <v>543</v>
      </c>
      <c r="B197" s="150">
        <v>43</v>
      </c>
      <c r="C197" s="154">
        <v>0.31112642436516097</v>
      </c>
      <c r="D197" s="92">
        <v>0.13687715459435398</v>
      </c>
      <c r="E197" s="154">
        <v>0.31859764145886776</v>
      </c>
      <c r="F197" s="92">
        <v>0.13759514996189881</v>
      </c>
      <c r="G197" s="154">
        <v>0.37027593417597104</v>
      </c>
      <c r="H197" s="92">
        <v>0.1416961611982536</v>
      </c>
      <c r="I197" s="150">
        <v>43</v>
      </c>
      <c r="J197" s="154">
        <v>0.68933030496601111</v>
      </c>
      <c r="K197" s="92">
        <v>0.1368321974646669</v>
      </c>
      <c r="L197" s="154">
        <v>0.22832428992026643</v>
      </c>
      <c r="M197" s="92">
        <v>0.12656533881902138</v>
      </c>
      <c r="N197" s="154">
        <v>8.2345405113722361E-2</v>
      </c>
      <c r="O197" s="92">
        <v>9.4076615425796317E-2</v>
      </c>
      <c r="P197" s="150">
        <v>43</v>
      </c>
      <c r="Q197" s="154">
        <v>0.80224435503524949</v>
      </c>
      <c r="R197" s="92">
        <v>0.12152782645567996</v>
      </c>
      <c r="S197" s="154">
        <v>0.14858809634030343</v>
      </c>
      <c r="T197" s="92">
        <v>0.1117119592411558</v>
      </c>
      <c r="U197" s="154">
        <v>4.9167548624446986E-2</v>
      </c>
      <c r="V197" s="92">
        <v>8.2448524079670266E-2</v>
      </c>
    </row>
    <row r="198" spans="1:22" customFormat="1">
      <c r="A198" s="52" t="s">
        <v>544</v>
      </c>
      <c r="B198" s="78">
        <v>72</v>
      </c>
      <c r="C198" s="93">
        <v>0.3921272181161527</v>
      </c>
      <c r="D198" s="89">
        <v>0.11228631809446532</v>
      </c>
      <c r="E198" s="93">
        <v>0.37821672816382007</v>
      </c>
      <c r="F198" s="89">
        <v>0.11161232869911215</v>
      </c>
      <c r="G198" s="93">
        <v>0.22965605372002698</v>
      </c>
      <c r="H198" s="89">
        <v>9.8516614716110645E-2</v>
      </c>
      <c r="I198" s="78">
        <v>72</v>
      </c>
      <c r="J198" s="93">
        <v>0.77520238182636936</v>
      </c>
      <c r="K198" s="89">
        <v>9.7879114626377148E-2</v>
      </c>
      <c r="L198" s="93">
        <v>0.16880415204966304</v>
      </c>
      <c r="M198" s="89">
        <v>8.9310766240796369E-2</v>
      </c>
      <c r="N198" s="93">
        <v>5.5993466123967321E-2</v>
      </c>
      <c r="O198" s="89">
        <v>6.2011827116932712E-2</v>
      </c>
      <c r="P198" s="78">
        <v>71</v>
      </c>
      <c r="Q198" s="93">
        <v>0.89073139693267434</v>
      </c>
      <c r="R198" s="89">
        <v>7.7693284304769378E-2</v>
      </c>
      <c r="S198" s="93">
        <v>0.10827840275366978</v>
      </c>
      <c r="T198" s="89">
        <v>7.7454597525564883E-2</v>
      </c>
      <c r="U198" s="93">
        <v>9.9020031365565277E-4</v>
      </c>
      <c r="V198" s="89">
        <v>3.7836188936261131E-2</v>
      </c>
    </row>
    <row r="199" spans="1:22" customFormat="1">
      <c r="A199" s="44" t="s">
        <v>545</v>
      </c>
      <c r="B199" s="150">
        <v>52</v>
      </c>
      <c r="C199" s="154">
        <v>0.36751678177784008</v>
      </c>
      <c r="D199" s="92">
        <v>0.12952276339315441</v>
      </c>
      <c r="E199" s="154">
        <v>0.26458752155709792</v>
      </c>
      <c r="F199" s="92">
        <v>0.12018296165659614</v>
      </c>
      <c r="G199" s="154">
        <v>0.36789569666506161</v>
      </c>
      <c r="H199" s="92">
        <v>0.12954659742804675</v>
      </c>
      <c r="I199" s="150">
        <v>52</v>
      </c>
      <c r="J199" s="154">
        <v>0.74496979465654756</v>
      </c>
      <c r="K199" s="92">
        <v>0.11900075359032949</v>
      </c>
      <c r="L199" s="154">
        <v>0.12854377559782179</v>
      </c>
      <c r="M199" s="92">
        <v>9.6742546658909065E-2</v>
      </c>
      <c r="N199" s="154">
        <v>0.12648642974563029</v>
      </c>
      <c r="O199" s="92">
        <v>9.6253443710413208E-2</v>
      </c>
      <c r="P199" s="150">
        <v>52</v>
      </c>
      <c r="Q199" s="154">
        <v>0.88386391469205805</v>
      </c>
      <c r="R199" s="92">
        <v>9.3711912874665598E-2</v>
      </c>
      <c r="S199" s="154">
        <v>7.1916352683245158E-2</v>
      </c>
      <c r="T199" s="92">
        <v>8.1059407681345869E-2</v>
      </c>
      <c r="U199" s="154">
        <v>4.421973262469673E-2</v>
      </c>
      <c r="V199" s="92">
        <v>7.1154255885064868E-2</v>
      </c>
    </row>
    <row r="200" spans="1:22" s="5" customFormat="1"/>
    <row r="201" spans="1:22" s="5" customFormat="1"/>
    <row r="202" spans="1:22" s="5" customFormat="1"/>
    <row r="203" spans="1:22" s="5" customFormat="1"/>
    <row r="204" spans="1:22" s="5" customFormat="1"/>
  </sheetData>
  <mergeCells count="32">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 ref="A148:K148"/>
    <mergeCell ref="A149:K149"/>
    <mergeCell ref="A177:V177"/>
    <mergeCell ref="A178:V178"/>
    <mergeCell ref="B179:H179"/>
    <mergeCell ref="I179:O179"/>
    <mergeCell ref="P179:V179"/>
    <mergeCell ref="A150:D150"/>
    <mergeCell ref="E150:K150"/>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1"/>
  <sheetViews>
    <sheetView zoomScaleNormal="100" workbookViewId="0"/>
  </sheetViews>
  <sheetFormatPr defaultColWidth="18" defaultRowHeight="15"/>
  <cols>
    <col min="1" max="1" width="42.85546875" style="5" customWidth="1"/>
    <col min="2" max="4" width="19.42578125" style="5" customWidth="1"/>
    <col min="5" max="8" width="18" style="5"/>
    <col min="9" max="9" width="19.85546875" style="5" customWidth="1"/>
    <col min="10" max="16384" width="18" style="5"/>
  </cols>
  <sheetData>
    <row r="1" spans="1:37" ht="29.25" customHeight="1">
      <c r="A1" s="31" t="s">
        <v>60</v>
      </c>
      <c r="P1" s="223"/>
      <c r="Q1" s="223"/>
      <c r="R1" s="223"/>
      <c r="S1" s="223"/>
      <c r="T1" s="223"/>
      <c r="U1" s="223"/>
      <c r="V1" s="223"/>
      <c r="W1" s="223"/>
      <c r="X1" s="223"/>
      <c r="Y1" s="223"/>
      <c r="Z1" s="223"/>
      <c r="AA1" s="223"/>
      <c r="AB1" s="223"/>
      <c r="AC1" s="223"/>
      <c r="AD1" s="223"/>
      <c r="AE1" s="223"/>
      <c r="AF1" s="223"/>
      <c r="AG1" s="223"/>
      <c r="AH1" s="223"/>
      <c r="AI1" s="223"/>
      <c r="AJ1" s="223"/>
      <c r="AK1" s="223"/>
    </row>
    <row r="2" spans="1:37" ht="15.75" customHeight="1">
      <c r="A2" s="31"/>
      <c r="P2" s="223"/>
      <c r="Q2" s="223"/>
      <c r="R2" s="223"/>
      <c r="S2" s="223"/>
      <c r="T2" s="223"/>
      <c r="U2" s="223"/>
      <c r="V2" s="223"/>
      <c r="W2" s="223"/>
      <c r="X2" s="223"/>
      <c r="Y2" s="223"/>
      <c r="Z2" s="223"/>
      <c r="AA2" s="223"/>
      <c r="AB2" s="223"/>
      <c r="AC2" s="223"/>
      <c r="AD2" s="223"/>
      <c r="AE2" s="223"/>
      <c r="AF2" s="223"/>
      <c r="AG2" s="223"/>
      <c r="AH2" s="223"/>
      <c r="AI2" s="223"/>
      <c r="AJ2" s="223"/>
      <c r="AK2" s="223"/>
    </row>
    <row r="3" spans="1:37" ht="18.75">
      <c r="A3" s="335" t="s">
        <v>363</v>
      </c>
      <c r="B3" s="335"/>
      <c r="C3" s="335"/>
      <c r="D3" s="335"/>
      <c r="P3" s="223"/>
      <c r="Q3" s="223"/>
      <c r="R3" s="223"/>
      <c r="S3" s="223"/>
      <c r="T3" s="223"/>
      <c r="U3" s="223"/>
      <c r="V3" s="223"/>
      <c r="W3" s="223"/>
      <c r="X3" s="223"/>
      <c r="Y3" s="223"/>
      <c r="Z3" s="223"/>
      <c r="AA3" s="223"/>
      <c r="AB3" s="223"/>
      <c r="AC3" s="223"/>
      <c r="AD3" s="223"/>
      <c r="AE3" s="223"/>
      <c r="AF3" s="223"/>
      <c r="AG3" s="223"/>
      <c r="AH3" s="223"/>
      <c r="AI3" s="223"/>
      <c r="AJ3" s="223"/>
      <c r="AK3" s="223"/>
    </row>
    <row r="4" spans="1:37" ht="99.75" customHeight="1">
      <c r="A4" s="371" t="s">
        <v>361</v>
      </c>
      <c r="B4" s="371"/>
      <c r="C4" s="371"/>
      <c r="D4" s="371"/>
      <c r="P4" s="223"/>
      <c r="Q4" s="223"/>
      <c r="R4" s="223"/>
      <c r="S4" s="223"/>
      <c r="T4" s="223"/>
      <c r="U4" s="223"/>
      <c r="V4" s="223"/>
      <c r="W4" s="223"/>
      <c r="X4" s="223"/>
      <c r="Y4" s="223"/>
      <c r="Z4" s="223"/>
      <c r="AA4" s="223"/>
      <c r="AB4" s="223"/>
      <c r="AC4" s="223"/>
      <c r="AD4" s="223"/>
      <c r="AE4" s="223"/>
      <c r="AF4" s="223"/>
      <c r="AG4" s="223"/>
      <c r="AH4" s="223"/>
      <c r="AI4" s="223"/>
      <c r="AJ4" s="223"/>
      <c r="AK4" s="223"/>
    </row>
    <row r="5" spans="1:37" ht="36.75" customHeight="1">
      <c r="A5" s="372" t="s">
        <v>362</v>
      </c>
      <c r="B5" s="373"/>
      <c r="C5" s="373"/>
      <c r="D5" s="373"/>
      <c r="P5" s="223"/>
      <c r="Q5" s="223"/>
      <c r="R5" s="223"/>
      <c r="S5" s="223"/>
      <c r="T5" s="223"/>
      <c r="U5" s="223"/>
      <c r="V5" s="223"/>
      <c r="W5" s="223"/>
      <c r="X5" s="223"/>
      <c r="Y5" s="223"/>
      <c r="Z5" s="223"/>
      <c r="AA5" s="223"/>
      <c r="AB5" s="223"/>
      <c r="AC5" s="223"/>
      <c r="AD5" s="223"/>
      <c r="AE5" s="223"/>
      <c r="AF5" s="223"/>
      <c r="AG5" s="223"/>
      <c r="AH5" s="223"/>
      <c r="AI5" s="223"/>
      <c r="AJ5" s="223"/>
      <c r="AK5" s="223"/>
    </row>
    <row r="6" spans="1:37" ht="72">
      <c r="A6" s="32" t="s">
        <v>71</v>
      </c>
      <c r="B6" s="33" t="s">
        <v>72</v>
      </c>
      <c r="C6" s="34" t="s">
        <v>584</v>
      </c>
      <c r="D6" s="35" t="s">
        <v>73</v>
      </c>
      <c r="P6" s="223"/>
      <c r="Q6" s="223"/>
      <c r="R6" s="223"/>
      <c r="S6" s="223"/>
      <c r="T6" s="223"/>
      <c r="U6" s="223"/>
      <c r="V6" s="223"/>
      <c r="W6" s="223"/>
      <c r="X6" s="223"/>
      <c r="Y6" s="223"/>
      <c r="Z6" s="223"/>
      <c r="AA6" s="223"/>
      <c r="AB6" s="223"/>
      <c r="AC6" s="223"/>
      <c r="AD6" s="223"/>
      <c r="AE6" s="223"/>
      <c r="AF6" s="223"/>
      <c r="AG6" s="223"/>
      <c r="AH6" s="223"/>
      <c r="AI6" s="223"/>
      <c r="AJ6" s="223"/>
      <c r="AK6" s="223"/>
    </row>
    <row r="7" spans="1:37" ht="72">
      <c r="A7" s="36"/>
      <c r="B7" s="37" t="s">
        <v>74</v>
      </c>
      <c r="C7" s="38" t="s">
        <v>577</v>
      </c>
      <c r="D7" s="39" t="s">
        <v>76</v>
      </c>
      <c r="P7" s="223"/>
      <c r="Q7" s="223"/>
      <c r="R7" s="223"/>
      <c r="S7" s="223"/>
      <c r="T7" s="223"/>
      <c r="U7" s="223"/>
      <c r="V7" s="223"/>
      <c r="W7" s="223"/>
      <c r="X7" s="223"/>
      <c r="Y7" s="223"/>
      <c r="Z7" s="223"/>
      <c r="AA7" s="223"/>
      <c r="AB7" s="223"/>
      <c r="AC7" s="223"/>
      <c r="AD7" s="223"/>
      <c r="AE7" s="223"/>
      <c r="AF7" s="223"/>
      <c r="AG7" s="223"/>
      <c r="AH7" s="223"/>
      <c r="AI7" s="223"/>
      <c r="AJ7" s="223"/>
      <c r="AK7" s="223"/>
    </row>
    <row r="8" spans="1:37">
      <c r="A8" s="40" t="s">
        <v>350</v>
      </c>
      <c r="B8" s="126">
        <v>13760</v>
      </c>
      <c r="C8" s="127">
        <v>5.3107549376785776</v>
      </c>
      <c r="D8" s="128">
        <v>1.980026958620976E-2</v>
      </c>
      <c r="P8" s="223"/>
      <c r="Q8" s="223"/>
      <c r="R8" s="223"/>
      <c r="S8" s="223"/>
      <c r="T8" s="223"/>
      <c r="U8" s="223"/>
      <c r="V8" s="223"/>
      <c r="W8" s="223"/>
      <c r="X8" s="223"/>
      <c r="Y8" s="223"/>
      <c r="Z8" s="223"/>
      <c r="AA8" s="223"/>
      <c r="AB8" s="223"/>
      <c r="AC8" s="223"/>
      <c r="AD8" s="223"/>
      <c r="AE8" s="223"/>
      <c r="AF8" s="223"/>
      <c r="AG8" s="223"/>
      <c r="AH8" s="223"/>
      <c r="AI8" s="223"/>
      <c r="AJ8" s="223"/>
      <c r="AK8" s="223"/>
    </row>
    <row r="9" spans="1:37">
      <c r="A9" s="44" t="s">
        <v>351</v>
      </c>
      <c r="B9" s="44">
        <v>10041</v>
      </c>
      <c r="C9" s="130">
        <v>5.425601896978967</v>
      </c>
      <c r="D9" s="131">
        <v>2.2820295307440942E-2</v>
      </c>
      <c r="P9" s="223"/>
      <c r="Q9" s="223"/>
      <c r="R9" s="223"/>
      <c r="S9" s="223"/>
      <c r="T9" s="223"/>
      <c r="U9" s="223"/>
      <c r="V9" s="223"/>
      <c r="W9" s="223"/>
      <c r="X9" s="223"/>
      <c r="Y9" s="223"/>
      <c r="Z9" s="223"/>
      <c r="AA9" s="223"/>
      <c r="AB9" s="223"/>
      <c r="AC9" s="223"/>
      <c r="AD9" s="223"/>
      <c r="AE9" s="223"/>
      <c r="AF9" s="223"/>
      <c r="AG9" s="223"/>
      <c r="AH9" s="223"/>
      <c r="AI9" s="223"/>
      <c r="AJ9" s="223"/>
      <c r="AK9" s="223"/>
    </row>
    <row r="10" spans="1:37">
      <c r="A10" s="40" t="s">
        <v>352</v>
      </c>
      <c r="B10" s="48">
        <v>3719</v>
      </c>
      <c r="C10" s="127">
        <v>5.2193696323113699</v>
      </c>
      <c r="D10" s="128">
        <v>3.8927555702293927E-2</v>
      </c>
      <c r="P10" s="223"/>
      <c r="Q10" s="223"/>
      <c r="R10" s="223"/>
      <c r="S10" s="223"/>
      <c r="T10" s="223"/>
      <c r="U10" s="223"/>
      <c r="V10" s="223"/>
      <c r="W10" s="223"/>
      <c r="X10" s="223"/>
      <c r="Y10" s="223"/>
      <c r="Z10" s="223"/>
      <c r="AA10" s="223"/>
      <c r="AB10" s="223"/>
      <c r="AC10" s="223"/>
      <c r="AD10" s="223"/>
      <c r="AE10" s="223"/>
      <c r="AF10" s="223"/>
      <c r="AG10" s="223"/>
      <c r="AH10" s="223"/>
      <c r="AI10" s="223"/>
      <c r="AJ10" s="223"/>
      <c r="AK10" s="223"/>
    </row>
    <row r="11" spans="1:37">
      <c r="A11" s="44" t="s">
        <v>534</v>
      </c>
      <c r="B11" s="44">
        <v>1688</v>
      </c>
      <c r="C11" s="130">
        <v>5.1912021216179811</v>
      </c>
      <c r="D11" s="131">
        <v>5.8848139007975718E-2</v>
      </c>
      <c r="P11" s="223"/>
      <c r="Q11" s="223"/>
      <c r="R11" s="223"/>
      <c r="S11" s="223"/>
      <c r="T11" s="223"/>
      <c r="U11" s="223"/>
      <c r="V11" s="223"/>
      <c r="W11" s="223"/>
      <c r="X11" s="223"/>
      <c r="Y11" s="223"/>
      <c r="Z11" s="223"/>
      <c r="AA11" s="223"/>
      <c r="AB11" s="223"/>
      <c r="AC11" s="223"/>
      <c r="AD11" s="223"/>
      <c r="AE11" s="223"/>
      <c r="AF11" s="223"/>
      <c r="AG11" s="223"/>
      <c r="AH11" s="223"/>
      <c r="AI11" s="223"/>
      <c r="AJ11" s="223"/>
      <c r="AK11" s="223"/>
    </row>
    <row r="12" spans="1:37">
      <c r="A12" s="40" t="s">
        <v>535</v>
      </c>
      <c r="B12" s="48">
        <v>911</v>
      </c>
      <c r="C12" s="127">
        <v>5.413889413559728</v>
      </c>
      <c r="D12" s="128">
        <v>7.8736011159640407E-2</v>
      </c>
      <c r="P12" s="223"/>
      <c r="Q12" s="223"/>
      <c r="R12" s="223"/>
      <c r="S12" s="223"/>
      <c r="T12" s="223"/>
      <c r="U12" s="223"/>
      <c r="V12" s="223"/>
      <c r="W12" s="223"/>
      <c r="X12" s="223"/>
      <c r="Y12" s="223"/>
      <c r="Z12" s="223"/>
      <c r="AA12" s="223"/>
      <c r="AB12" s="223"/>
      <c r="AC12" s="223"/>
      <c r="AD12" s="223"/>
      <c r="AE12" s="223"/>
      <c r="AF12" s="223"/>
      <c r="AG12" s="223"/>
      <c r="AH12" s="223"/>
      <c r="AI12" s="223"/>
      <c r="AJ12" s="223"/>
      <c r="AK12" s="223"/>
    </row>
    <row r="13" spans="1:37">
      <c r="A13" s="44" t="s">
        <v>536</v>
      </c>
      <c r="B13" s="44">
        <v>193</v>
      </c>
      <c r="C13" s="130">
        <v>5.5355016184147932</v>
      </c>
      <c r="D13" s="131">
        <v>0.16790740566960394</v>
      </c>
      <c r="P13" s="223"/>
      <c r="Q13" s="223"/>
      <c r="R13" s="223"/>
      <c r="S13" s="223"/>
      <c r="T13" s="223"/>
      <c r="U13" s="223"/>
      <c r="V13" s="223"/>
      <c r="W13" s="223"/>
      <c r="X13" s="223"/>
      <c r="Y13" s="223"/>
      <c r="Z13" s="223"/>
      <c r="AA13" s="223"/>
      <c r="AB13" s="223"/>
      <c r="AC13" s="223"/>
      <c r="AD13" s="223"/>
      <c r="AE13" s="223"/>
      <c r="AF13" s="223"/>
      <c r="AG13" s="223"/>
      <c r="AH13" s="223"/>
      <c r="AI13" s="223"/>
      <c r="AJ13" s="223"/>
      <c r="AK13" s="223"/>
    </row>
    <row r="14" spans="1:37">
      <c r="A14" s="40" t="s">
        <v>537</v>
      </c>
      <c r="B14" s="48">
        <v>72</v>
      </c>
      <c r="C14" s="127">
        <v>5.413273103901723</v>
      </c>
      <c r="D14" s="128">
        <v>0.31577778106057558</v>
      </c>
      <c r="P14" s="223"/>
      <c r="Q14" s="223"/>
      <c r="R14" s="223"/>
      <c r="S14" s="223"/>
      <c r="T14" s="223"/>
      <c r="U14" s="223"/>
      <c r="V14" s="223"/>
      <c r="W14" s="223"/>
      <c r="X14" s="223"/>
      <c r="Y14" s="223"/>
      <c r="Z14" s="223"/>
      <c r="AA14" s="223"/>
      <c r="AB14" s="223"/>
      <c r="AC14" s="223"/>
      <c r="AD14" s="223"/>
      <c r="AE14" s="223"/>
      <c r="AF14" s="223"/>
      <c r="AG14" s="223"/>
      <c r="AH14" s="223"/>
      <c r="AI14" s="223"/>
      <c r="AJ14" s="223"/>
      <c r="AK14" s="223"/>
    </row>
    <row r="15" spans="1:37">
      <c r="A15" s="44" t="s">
        <v>546</v>
      </c>
      <c r="B15" s="44">
        <v>785</v>
      </c>
      <c r="C15" s="130">
        <v>5.0994548761687133</v>
      </c>
      <c r="D15" s="131">
        <v>8.6716930512801119E-2</v>
      </c>
      <c r="P15" s="223"/>
      <c r="Q15" s="223"/>
      <c r="R15" s="223"/>
      <c r="S15" s="223"/>
      <c r="T15" s="223"/>
      <c r="U15" s="223"/>
      <c r="V15" s="223"/>
      <c r="W15" s="223"/>
      <c r="X15" s="223"/>
      <c r="Y15" s="223"/>
      <c r="Z15" s="223"/>
      <c r="AA15" s="223"/>
      <c r="AB15" s="223"/>
      <c r="AC15" s="223"/>
      <c r="AD15" s="223"/>
      <c r="AE15" s="223"/>
      <c r="AF15" s="223"/>
      <c r="AG15" s="223"/>
      <c r="AH15" s="223"/>
      <c r="AI15" s="223"/>
      <c r="AJ15" s="223"/>
      <c r="AK15" s="223"/>
    </row>
    <row r="16" spans="1:37">
      <c r="A16" s="40" t="s">
        <v>547</v>
      </c>
      <c r="B16" s="48">
        <v>122</v>
      </c>
      <c r="C16" s="127">
        <v>5.1596120969061445</v>
      </c>
      <c r="D16" s="128">
        <v>0.23465017680279482</v>
      </c>
      <c r="P16" s="223"/>
      <c r="Q16" s="223"/>
      <c r="R16" s="223"/>
      <c r="S16" s="223"/>
      <c r="T16" s="223"/>
      <c r="U16" s="223"/>
      <c r="V16" s="223"/>
      <c r="W16" s="223"/>
      <c r="X16" s="223"/>
      <c r="Y16" s="223"/>
      <c r="Z16" s="223"/>
      <c r="AA16" s="223"/>
      <c r="AB16" s="223"/>
      <c r="AC16" s="223"/>
      <c r="AD16" s="223"/>
      <c r="AE16" s="223"/>
      <c r="AF16" s="223"/>
      <c r="AG16" s="223"/>
      <c r="AH16" s="223"/>
      <c r="AI16" s="223"/>
      <c r="AJ16" s="223"/>
      <c r="AK16" s="223"/>
    </row>
    <row r="17" spans="1:56">
      <c r="A17" s="44" t="s">
        <v>548</v>
      </c>
      <c r="B17" s="44">
        <v>95</v>
      </c>
      <c r="C17" s="130">
        <v>5.4396672350053814</v>
      </c>
      <c r="D17" s="131">
        <v>0.24676584384908251</v>
      </c>
      <c r="P17" s="223"/>
      <c r="Q17" s="223"/>
      <c r="R17" s="223"/>
      <c r="S17" s="223"/>
      <c r="T17" s="223"/>
      <c r="U17" s="223"/>
      <c r="V17" s="223"/>
      <c r="W17" s="223"/>
      <c r="X17" s="223"/>
      <c r="Y17" s="223"/>
      <c r="Z17" s="223"/>
      <c r="AA17" s="223"/>
      <c r="AB17" s="223"/>
      <c r="AC17" s="223"/>
      <c r="AD17" s="223"/>
      <c r="AE17" s="223"/>
      <c r="AF17" s="223"/>
      <c r="AG17" s="223"/>
      <c r="AH17" s="223"/>
      <c r="AI17" s="223"/>
      <c r="AJ17" s="223"/>
      <c r="AK17" s="223"/>
    </row>
    <row r="18" spans="1:56">
      <c r="A18" s="40" t="s">
        <v>538</v>
      </c>
      <c r="B18" s="126">
        <v>125</v>
      </c>
      <c r="C18" s="127">
        <v>5.288934160930042</v>
      </c>
      <c r="D18" s="128">
        <v>0.21401347640146079</v>
      </c>
      <c r="P18" s="223"/>
      <c r="Q18" s="223"/>
      <c r="R18" s="223"/>
      <c r="S18" s="223"/>
      <c r="T18" s="223"/>
      <c r="U18" s="223"/>
      <c r="V18" s="223"/>
      <c r="W18" s="223"/>
      <c r="X18" s="223"/>
      <c r="Y18" s="223"/>
      <c r="Z18" s="223"/>
      <c r="AA18" s="223"/>
      <c r="AB18" s="223"/>
      <c r="AC18" s="223"/>
      <c r="AD18" s="223"/>
      <c r="AE18" s="223"/>
      <c r="AF18" s="223"/>
      <c r="AG18" s="223"/>
      <c r="AH18" s="223"/>
      <c r="AI18" s="223"/>
      <c r="AJ18" s="223"/>
      <c r="AK18" s="223"/>
    </row>
    <row r="19" spans="1:56">
      <c r="A19" s="44" t="s">
        <v>539</v>
      </c>
      <c r="B19" s="129">
        <v>96</v>
      </c>
      <c r="C19" s="130">
        <v>5.2336295898565375</v>
      </c>
      <c r="D19" s="131">
        <v>0.24524345062642045</v>
      </c>
      <c r="P19" s="223"/>
      <c r="Q19" s="223"/>
      <c r="R19" s="223"/>
      <c r="S19" s="223"/>
      <c r="T19" s="223"/>
      <c r="U19" s="223"/>
      <c r="V19" s="223"/>
      <c r="W19" s="223"/>
      <c r="X19" s="223"/>
      <c r="Y19" s="223"/>
      <c r="Z19" s="223"/>
      <c r="AA19" s="223"/>
      <c r="AB19" s="223"/>
      <c r="AC19" s="223"/>
      <c r="AD19" s="223"/>
      <c r="AE19" s="223"/>
      <c r="AF19" s="223"/>
      <c r="AG19" s="223"/>
      <c r="AH19" s="223"/>
      <c r="AI19" s="223"/>
      <c r="AJ19" s="223"/>
      <c r="AK19" s="223"/>
    </row>
    <row r="20" spans="1:56">
      <c r="A20" s="40" t="s">
        <v>540</v>
      </c>
      <c r="B20" s="78">
        <v>260</v>
      </c>
      <c r="C20" s="79">
        <v>5.4930733444617683</v>
      </c>
      <c r="D20" s="128">
        <v>0.14010436376517399</v>
      </c>
      <c r="P20" s="223"/>
      <c r="Q20" s="223"/>
      <c r="R20" s="223"/>
      <c r="S20" s="223"/>
      <c r="T20" s="223"/>
      <c r="U20" s="223"/>
      <c r="V20" s="223"/>
      <c r="W20" s="223"/>
      <c r="X20" s="223"/>
      <c r="Y20" s="223"/>
      <c r="Z20" s="223"/>
      <c r="AA20" s="223"/>
      <c r="AB20" s="223"/>
      <c r="AC20" s="223"/>
      <c r="AD20" s="223"/>
      <c r="AE20" s="223"/>
      <c r="AF20" s="223"/>
      <c r="AG20" s="223"/>
      <c r="AH20" s="223"/>
      <c r="AI20" s="223"/>
      <c r="AJ20" s="223"/>
      <c r="AK20" s="223"/>
    </row>
    <row r="21" spans="1:56" ht="25.5">
      <c r="A21" s="44" t="s">
        <v>541</v>
      </c>
      <c r="B21" s="129">
        <v>114</v>
      </c>
      <c r="C21" s="130">
        <v>5.750043021809331</v>
      </c>
      <c r="D21" s="131">
        <v>0.16804139859238001</v>
      </c>
      <c r="P21" s="223"/>
      <c r="Q21" s="223"/>
      <c r="R21" s="223"/>
      <c r="S21" s="223"/>
      <c r="T21" s="223"/>
      <c r="U21" s="223"/>
      <c r="V21" s="223"/>
      <c r="W21" s="223"/>
      <c r="X21" s="223"/>
      <c r="Y21" s="223"/>
      <c r="Z21" s="223"/>
      <c r="AA21" s="223"/>
      <c r="AB21" s="223"/>
      <c r="AC21" s="223"/>
      <c r="AD21" s="223"/>
      <c r="AE21" s="223"/>
      <c r="AF21" s="223"/>
      <c r="AG21" s="223"/>
      <c r="AH21" s="223"/>
      <c r="AI21" s="223"/>
      <c r="AJ21" s="223"/>
      <c r="AK21" s="223"/>
    </row>
    <row r="22" spans="1:56" ht="25.5">
      <c r="A22" s="52" t="s">
        <v>549</v>
      </c>
      <c r="B22" s="126">
        <v>68</v>
      </c>
      <c r="C22" s="127">
        <v>5.2858591671573132</v>
      </c>
      <c r="D22" s="128">
        <v>0.31174724484312105</v>
      </c>
      <c r="P22" s="223"/>
      <c r="Q22" s="223"/>
      <c r="R22" s="223"/>
      <c r="S22" s="223"/>
      <c r="T22" s="223"/>
      <c r="U22" s="223"/>
      <c r="V22" s="223"/>
      <c r="W22" s="223"/>
      <c r="X22" s="223"/>
      <c r="Y22" s="223"/>
      <c r="Z22" s="223"/>
      <c r="AA22" s="223"/>
      <c r="AB22" s="223"/>
      <c r="AC22" s="223"/>
      <c r="AD22" s="223"/>
      <c r="AE22" s="223"/>
      <c r="AF22" s="223"/>
      <c r="AG22" s="223"/>
      <c r="AH22" s="223"/>
      <c r="AI22" s="223"/>
      <c r="AJ22" s="223"/>
      <c r="AK22" s="223"/>
    </row>
    <row r="23" spans="1:56">
      <c r="A23" s="44" t="s">
        <v>543</v>
      </c>
      <c r="B23" s="129">
        <v>78</v>
      </c>
      <c r="C23" s="130">
        <v>5.2725839130690941</v>
      </c>
      <c r="D23" s="131">
        <v>0.28029624545180176</v>
      </c>
      <c r="P23" s="223"/>
      <c r="Q23" s="223"/>
      <c r="R23" s="223"/>
      <c r="S23" s="223"/>
      <c r="T23" s="223"/>
      <c r="U23" s="223"/>
      <c r="V23" s="223"/>
      <c r="W23" s="223"/>
      <c r="X23" s="223"/>
      <c r="Y23" s="223"/>
      <c r="Z23" s="223"/>
      <c r="AA23" s="223"/>
      <c r="AB23" s="223"/>
      <c r="AC23" s="223"/>
      <c r="AD23" s="223"/>
      <c r="AE23" s="223"/>
      <c r="AF23" s="223"/>
      <c r="AG23" s="223"/>
      <c r="AH23" s="223"/>
      <c r="AI23" s="223"/>
      <c r="AJ23" s="223"/>
      <c r="AK23" s="223"/>
    </row>
    <row r="24" spans="1:56">
      <c r="A24" s="52" t="s">
        <v>544</v>
      </c>
      <c r="B24" s="126">
        <v>111</v>
      </c>
      <c r="C24" s="127">
        <v>5.363384079210924</v>
      </c>
      <c r="D24" s="128">
        <v>0.22724729245380892</v>
      </c>
      <c r="P24" s="223"/>
      <c r="Q24" s="223"/>
      <c r="R24" s="223"/>
      <c r="S24" s="223"/>
      <c r="T24" s="223"/>
      <c r="U24" s="223"/>
      <c r="V24" s="223"/>
      <c r="W24" s="223"/>
      <c r="X24" s="223"/>
      <c r="Y24" s="223"/>
      <c r="Z24" s="223"/>
      <c r="AA24" s="223"/>
      <c r="AB24" s="223"/>
      <c r="AC24" s="223"/>
      <c r="AD24" s="223"/>
      <c r="AE24" s="223"/>
      <c r="AF24" s="223"/>
      <c r="AG24" s="223"/>
      <c r="AH24" s="223"/>
      <c r="AI24" s="223"/>
      <c r="AJ24" s="223"/>
      <c r="AK24" s="223"/>
    </row>
    <row r="25" spans="1:56">
      <c r="A25" s="44" t="s">
        <v>545</v>
      </c>
      <c r="B25" s="129">
        <v>119</v>
      </c>
      <c r="C25" s="130">
        <v>5.2812006132837972</v>
      </c>
      <c r="D25" s="131">
        <v>0.23269173218067879</v>
      </c>
      <c r="P25" s="223"/>
      <c r="Q25" s="223"/>
      <c r="R25" s="223"/>
      <c r="S25" s="223"/>
      <c r="T25" s="223"/>
      <c r="U25" s="223"/>
      <c r="V25" s="223"/>
      <c r="W25" s="223"/>
      <c r="X25" s="223"/>
      <c r="Y25" s="223"/>
      <c r="Z25" s="223"/>
      <c r="AA25" s="223"/>
      <c r="AB25" s="223"/>
      <c r="AC25" s="223"/>
      <c r="AD25" s="223"/>
      <c r="AE25" s="223"/>
      <c r="AF25" s="223"/>
      <c r="AG25" s="223"/>
      <c r="AH25" s="223"/>
      <c r="AI25" s="223"/>
      <c r="AJ25" s="223"/>
      <c r="AK25" s="223"/>
    </row>
    <row r="26" spans="1:56">
      <c r="P26" s="223"/>
      <c r="Q26" s="223"/>
      <c r="R26" s="223"/>
      <c r="S26" s="223"/>
      <c r="T26" s="223"/>
      <c r="U26" s="223"/>
      <c r="V26" s="223"/>
      <c r="W26" s="223"/>
      <c r="X26" s="223"/>
      <c r="Y26" s="223"/>
      <c r="Z26" s="223"/>
      <c r="AA26" s="223"/>
      <c r="AB26" s="223"/>
      <c r="AC26" s="223"/>
      <c r="AD26" s="223"/>
      <c r="AE26" s="223"/>
      <c r="AF26" s="223"/>
      <c r="AG26" s="223"/>
      <c r="AH26" s="223"/>
      <c r="AI26" s="223"/>
      <c r="AJ26" s="223"/>
      <c r="AK26" s="223"/>
    </row>
    <row r="27" spans="1:56">
      <c r="P27" s="223"/>
      <c r="Q27" s="223"/>
      <c r="R27" s="223"/>
      <c r="S27" s="223"/>
      <c r="T27" s="223"/>
      <c r="U27" s="223"/>
      <c r="V27" s="223"/>
      <c r="W27" s="223"/>
      <c r="X27" s="223"/>
      <c r="Y27" s="223"/>
      <c r="Z27" s="223"/>
      <c r="AA27" s="223"/>
      <c r="AB27" s="223"/>
      <c r="AC27" s="223"/>
      <c r="AD27" s="223"/>
      <c r="AE27" s="223"/>
      <c r="AF27" s="223"/>
      <c r="AG27" s="223"/>
      <c r="AH27" s="223"/>
      <c r="AI27" s="223"/>
      <c r="AJ27" s="223"/>
      <c r="AK27" s="223"/>
    </row>
    <row r="28" spans="1:56">
      <c r="P28" s="223"/>
      <c r="Q28" s="223"/>
      <c r="R28" s="223"/>
      <c r="S28" s="223"/>
      <c r="T28" s="223"/>
      <c r="U28" s="223"/>
      <c r="V28" s="223"/>
      <c r="W28" s="223"/>
      <c r="X28" s="223"/>
      <c r="Y28" s="223"/>
      <c r="Z28" s="223"/>
      <c r="AA28" s="223"/>
      <c r="AB28" s="223"/>
      <c r="AC28" s="223"/>
      <c r="AD28" s="223"/>
      <c r="AE28" s="223"/>
      <c r="AF28" s="223"/>
      <c r="AG28" s="223"/>
      <c r="AH28" s="223"/>
      <c r="AI28" s="223"/>
      <c r="AJ28" s="223"/>
      <c r="AK28" s="223"/>
    </row>
    <row r="29" spans="1:56">
      <c r="P29" s="223"/>
      <c r="Q29" s="223"/>
      <c r="R29" s="223"/>
      <c r="S29" s="223"/>
      <c r="T29" s="223"/>
      <c r="U29" s="223"/>
      <c r="V29" s="223"/>
      <c r="W29" s="223"/>
      <c r="X29" s="223"/>
      <c r="Y29" s="223"/>
      <c r="Z29" s="223"/>
      <c r="AA29" s="223"/>
      <c r="AB29" s="223"/>
      <c r="AC29" s="223"/>
      <c r="AD29" s="223"/>
      <c r="AE29" s="223"/>
      <c r="AF29" s="223"/>
      <c r="AG29" s="223"/>
      <c r="AH29" s="223"/>
      <c r="AI29" s="223"/>
      <c r="AJ29" s="223"/>
      <c r="AK29" s="223"/>
    </row>
    <row r="30" spans="1:56">
      <c r="P30" s="223"/>
      <c r="Q30" s="223"/>
      <c r="R30" s="223"/>
      <c r="S30" s="223"/>
      <c r="T30" s="223"/>
      <c r="U30" s="223"/>
      <c r="V30" s="223"/>
      <c r="W30" s="223"/>
      <c r="X30" s="223"/>
      <c r="Y30" s="223"/>
      <c r="Z30" s="223"/>
      <c r="AA30" s="223"/>
      <c r="AB30" s="223"/>
      <c r="AC30" s="223"/>
      <c r="AD30" s="223"/>
      <c r="AE30" s="223"/>
      <c r="AF30" s="223"/>
      <c r="AG30" s="223"/>
      <c r="AH30" s="223"/>
      <c r="AI30" s="223"/>
      <c r="AJ30" s="223"/>
      <c r="AK30" s="223"/>
    </row>
    <row r="31" spans="1:56">
      <c r="P31" s="223"/>
      <c r="Q31" s="223"/>
      <c r="R31" s="223"/>
      <c r="S31" s="223"/>
      <c r="T31" s="223"/>
      <c r="U31" s="223"/>
      <c r="V31" s="223"/>
      <c r="W31" s="223"/>
      <c r="X31" s="223"/>
      <c r="Y31" s="223"/>
      <c r="Z31" s="223"/>
      <c r="AA31" s="223"/>
      <c r="AB31" s="223"/>
      <c r="AC31" s="223"/>
      <c r="AD31" s="223"/>
      <c r="AE31" s="223"/>
      <c r="AF31" s="223"/>
      <c r="AG31" s="223"/>
      <c r="AH31" s="223"/>
      <c r="AI31" s="223"/>
      <c r="AJ31" s="223"/>
      <c r="AK31" s="223"/>
    </row>
    <row r="32" spans="1:56" ht="18.75">
      <c r="A32" s="375" t="s">
        <v>497</v>
      </c>
      <c r="B32" s="375"/>
      <c r="C32" s="375"/>
      <c r="D32" s="375"/>
      <c r="E32" s="375"/>
      <c r="F32" s="375"/>
      <c r="G32" s="375"/>
      <c r="H32" s="375"/>
      <c r="I32" s="375"/>
      <c r="J32" s="375"/>
      <c r="K32" s="375"/>
      <c r="L32" s="375"/>
      <c r="M32" s="375"/>
      <c r="N32" s="375"/>
      <c r="O32" s="375"/>
      <c r="P32" s="375"/>
      <c r="Q32" s="375"/>
      <c r="R32" s="375"/>
      <c r="S32" s="375"/>
      <c r="T32" s="375"/>
      <c r="U32" s="375"/>
      <c r="V32" s="375"/>
      <c r="W32" s="375"/>
      <c r="X32" s="375"/>
      <c r="Y32" s="375"/>
      <c r="Z32" s="375"/>
      <c r="AA32" s="375"/>
      <c r="AB32" s="375"/>
      <c r="AC32" s="375"/>
      <c r="AD32" s="375"/>
      <c r="AE32" s="375"/>
      <c r="AF32" s="375"/>
      <c r="AG32" s="375"/>
      <c r="AH32" s="375"/>
      <c r="AI32" s="375"/>
      <c r="AJ32" s="375"/>
      <c r="AK32" s="375"/>
      <c r="AL32" s="375"/>
      <c r="AM32" s="375"/>
      <c r="AN32" s="375"/>
      <c r="AO32" s="375"/>
      <c r="AP32" s="375"/>
      <c r="AQ32" s="375"/>
      <c r="AR32" s="375"/>
      <c r="AS32" s="375"/>
      <c r="AT32" s="375"/>
      <c r="AU32" s="375"/>
      <c r="AV32" s="375"/>
      <c r="AW32" s="375"/>
      <c r="AX32" s="375"/>
      <c r="AY32" s="375"/>
      <c r="AZ32" s="375"/>
      <c r="BA32" s="375"/>
      <c r="BB32" s="375"/>
      <c r="BC32" s="375"/>
      <c r="BD32" s="375"/>
    </row>
    <row r="33" spans="1:56" ht="62.25" customHeight="1">
      <c r="A33" s="374" t="s">
        <v>578</v>
      </c>
      <c r="B33" s="374"/>
      <c r="C33" s="374"/>
      <c r="D33" s="374"/>
      <c r="E33" s="374"/>
      <c r="F33" s="374"/>
      <c r="G33" s="374"/>
      <c r="H33" s="374"/>
      <c r="I33" s="374"/>
      <c r="J33" s="374"/>
      <c r="K33" s="374"/>
      <c r="L33" s="374"/>
      <c r="M33" s="374"/>
      <c r="N33" s="374"/>
      <c r="O33" s="374"/>
      <c r="P33" s="374"/>
      <c r="Q33" s="374"/>
      <c r="R33" s="374"/>
      <c r="S33" s="374"/>
      <c r="T33" s="374"/>
      <c r="U33" s="374"/>
      <c r="V33" s="374"/>
      <c r="W33" s="374"/>
      <c r="X33" s="374"/>
      <c r="Y33" s="374"/>
      <c r="Z33" s="374"/>
      <c r="AA33" s="374"/>
      <c r="AB33" s="374"/>
      <c r="AC33" s="374"/>
      <c r="AD33" s="374"/>
      <c r="AE33" s="374"/>
      <c r="AF33" s="374"/>
      <c r="AG33" s="374"/>
      <c r="AH33" s="374"/>
      <c r="AI33" s="374"/>
      <c r="AJ33" s="374"/>
      <c r="AK33" s="374"/>
      <c r="AL33" s="374"/>
      <c r="AM33" s="374"/>
      <c r="AN33" s="374"/>
      <c r="AO33" s="374"/>
      <c r="AP33" s="374"/>
      <c r="AQ33" s="374"/>
      <c r="AR33" s="374"/>
      <c r="AS33" s="374"/>
      <c r="AT33" s="374"/>
      <c r="AU33" s="374"/>
      <c r="AV33" s="374"/>
      <c r="AW33" s="374"/>
      <c r="AX33" s="374"/>
      <c r="AY33" s="374"/>
      <c r="AZ33" s="374"/>
      <c r="BA33" s="374"/>
      <c r="BB33" s="374"/>
      <c r="BC33" s="374"/>
      <c r="BD33" s="374"/>
    </row>
    <row r="34" spans="1:56" ht="39.75" customHeight="1">
      <c r="A34" s="59"/>
      <c r="B34" s="355" t="s">
        <v>364</v>
      </c>
      <c r="C34" s="356"/>
      <c r="D34" s="356"/>
      <c r="E34" s="356"/>
      <c r="F34" s="356"/>
      <c r="G34" s="356"/>
      <c r="H34" s="356"/>
      <c r="I34" s="356"/>
      <c r="J34" s="356"/>
      <c r="K34" s="356"/>
      <c r="L34" s="357"/>
      <c r="M34" s="362" t="s">
        <v>84</v>
      </c>
      <c r="N34" s="363"/>
      <c r="O34" s="363"/>
      <c r="P34" s="363"/>
      <c r="Q34" s="363"/>
      <c r="R34" s="363"/>
      <c r="S34" s="363"/>
      <c r="T34" s="363"/>
      <c r="U34" s="363"/>
      <c r="V34" s="363"/>
      <c r="W34" s="363"/>
      <c r="X34" s="355" t="s">
        <v>365</v>
      </c>
      <c r="Y34" s="356"/>
      <c r="Z34" s="356"/>
      <c r="AA34" s="356"/>
      <c r="AB34" s="356"/>
      <c r="AC34" s="356"/>
      <c r="AD34" s="356"/>
      <c r="AE34" s="356"/>
      <c r="AF34" s="356"/>
      <c r="AG34" s="356"/>
      <c r="AH34" s="357"/>
      <c r="AI34" s="362" t="s">
        <v>366</v>
      </c>
      <c r="AJ34" s="363"/>
      <c r="AK34" s="363"/>
      <c r="AL34" s="363"/>
      <c r="AM34" s="363"/>
      <c r="AN34" s="363"/>
      <c r="AO34" s="363"/>
      <c r="AP34" s="363"/>
      <c r="AQ34" s="363"/>
      <c r="AR34" s="363"/>
      <c r="AS34" s="363"/>
      <c r="AT34" s="355" t="s">
        <v>367</v>
      </c>
      <c r="AU34" s="356"/>
      <c r="AV34" s="356"/>
      <c r="AW34" s="356"/>
      <c r="AX34" s="356"/>
      <c r="AY34" s="356"/>
      <c r="AZ34" s="356"/>
      <c r="BA34" s="356"/>
      <c r="BB34" s="356"/>
      <c r="BC34" s="356"/>
      <c r="BD34" s="357"/>
    </row>
    <row r="35" spans="1:56" ht="72">
      <c r="A35" s="32" t="s">
        <v>71</v>
      </c>
      <c r="B35" s="33" t="s">
        <v>72</v>
      </c>
      <c r="C35" s="34" t="s">
        <v>584</v>
      </c>
      <c r="D35" s="35" t="s">
        <v>73</v>
      </c>
      <c r="E35" s="33" t="s">
        <v>156</v>
      </c>
      <c r="F35" s="84" t="s">
        <v>85</v>
      </c>
      <c r="G35" s="33" t="s">
        <v>157</v>
      </c>
      <c r="H35" s="84" t="s">
        <v>86</v>
      </c>
      <c r="I35" s="33" t="s">
        <v>158</v>
      </c>
      <c r="J35" s="84" t="s">
        <v>87</v>
      </c>
      <c r="K35" s="33" t="s">
        <v>301</v>
      </c>
      <c r="L35" s="84" t="s">
        <v>300</v>
      </c>
      <c r="M35" s="60" t="s">
        <v>72</v>
      </c>
      <c r="N35" s="60" t="s">
        <v>584</v>
      </c>
      <c r="O35" s="60" t="s">
        <v>73</v>
      </c>
      <c r="P35" s="60" t="s">
        <v>156</v>
      </c>
      <c r="Q35" s="83" t="s">
        <v>85</v>
      </c>
      <c r="R35" s="60" t="s">
        <v>157</v>
      </c>
      <c r="S35" s="83" t="s">
        <v>86</v>
      </c>
      <c r="T35" s="60" t="s">
        <v>158</v>
      </c>
      <c r="U35" s="83" t="s">
        <v>87</v>
      </c>
      <c r="V35" s="60" t="s">
        <v>301</v>
      </c>
      <c r="W35" s="83" t="s">
        <v>300</v>
      </c>
      <c r="X35" s="33" t="s">
        <v>72</v>
      </c>
      <c r="Y35" s="34" t="s">
        <v>584</v>
      </c>
      <c r="Z35" s="35" t="s">
        <v>73</v>
      </c>
      <c r="AA35" s="33" t="s">
        <v>156</v>
      </c>
      <c r="AB35" s="84" t="s">
        <v>85</v>
      </c>
      <c r="AC35" s="33" t="s">
        <v>157</v>
      </c>
      <c r="AD35" s="84" t="s">
        <v>86</v>
      </c>
      <c r="AE35" s="33" t="s">
        <v>158</v>
      </c>
      <c r="AF35" s="84" t="s">
        <v>87</v>
      </c>
      <c r="AG35" s="33" t="s">
        <v>301</v>
      </c>
      <c r="AH35" s="84" t="s">
        <v>300</v>
      </c>
      <c r="AI35" s="60" t="s">
        <v>72</v>
      </c>
      <c r="AJ35" s="60" t="s">
        <v>584</v>
      </c>
      <c r="AK35" s="60" t="s">
        <v>73</v>
      </c>
      <c r="AL35" s="60" t="s">
        <v>156</v>
      </c>
      <c r="AM35" s="83" t="s">
        <v>85</v>
      </c>
      <c r="AN35" s="60" t="s">
        <v>157</v>
      </c>
      <c r="AO35" s="83" t="s">
        <v>86</v>
      </c>
      <c r="AP35" s="60" t="s">
        <v>158</v>
      </c>
      <c r="AQ35" s="83" t="s">
        <v>87</v>
      </c>
      <c r="AR35" s="60" t="s">
        <v>301</v>
      </c>
      <c r="AS35" s="83" t="s">
        <v>300</v>
      </c>
      <c r="AT35" s="33" t="s">
        <v>72</v>
      </c>
      <c r="AU35" s="34" t="s">
        <v>584</v>
      </c>
      <c r="AV35" s="35" t="s">
        <v>73</v>
      </c>
      <c r="AW35" s="33" t="s">
        <v>156</v>
      </c>
      <c r="AX35" s="84" t="s">
        <v>85</v>
      </c>
      <c r="AY35" s="33" t="s">
        <v>157</v>
      </c>
      <c r="AZ35" s="84" t="s">
        <v>86</v>
      </c>
      <c r="BA35" s="33" t="s">
        <v>158</v>
      </c>
      <c r="BB35" s="84" t="s">
        <v>87</v>
      </c>
      <c r="BC35" s="33" t="s">
        <v>301</v>
      </c>
      <c r="BD35" s="84" t="s">
        <v>300</v>
      </c>
    </row>
    <row r="36" spans="1:56" ht="92.25" customHeight="1">
      <c r="A36" s="36"/>
      <c r="B36" s="37" t="s">
        <v>74</v>
      </c>
      <c r="C36" s="38" t="s">
        <v>302</v>
      </c>
      <c r="D36" s="39" t="s">
        <v>76</v>
      </c>
      <c r="E36" s="37" t="s">
        <v>159</v>
      </c>
      <c r="F36" s="86" t="s">
        <v>88</v>
      </c>
      <c r="G36" s="37" t="s">
        <v>160</v>
      </c>
      <c r="H36" s="86" t="s">
        <v>88</v>
      </c>
      <c r="I36" s="37" t="s">
        <v>161</v>
      </c>
      <c r="J36" s="86" t="s">
        <v>88</v>
      </c>
      <c r="K36" s="37" t="s">
        <v>301</v>
      </c>
      <c r="L36" s="86" t="s">
        <v>88</v>
      </c>
      <c r="M36" s="63" t="s">
        <v>74</v>
      </c>
      <c r="N36" s="63" t="s">
        <v>302</v>
      </c>
      <c r="O36" s="63" t="s">
        <v>76</v>
      </c>
      <c r="P36" s="63" t="s">
        <v>159</v>
      </c>
      <c r="Q36" s="85" t="s">
        <v>88</v>
      </c>
      <c r="R36" s="63" t="s">
        <v>160</v>
      </c>
      <c r="S36" s="85" t="s">
        <v>88</v>
      </c>
      <c r="T36" s="63" t="s">
        <v>161</v>
      </c>
      <c r="U36" s="85" t="s">
        <v>88</v>
      </c>
      <c r="V36" s="63" t="s">
        <v>301</v>
      </c>
      <c r="W36" s="85" t="s">
        <v>88</v>
      </c>
      <c r="X36" s="37" t="s">
        <v>74</v>
      </c>
      <c r="Y36" s="38" t="s">
        <v>302</v>
      </c>
      <c r="Z36" s="39" t="s">
        <v>76</v>
      </c>
      <c r="AA36" s="37" t="s">
        <v>159</v>
      </c>
      <c r="AB36" s="86" t="s">
        <v>88</v>
      </c>
      <c r="AC36" s="37" t="s">
        <v>160</v>
      </c>
      <c r="AD36" s="86" t="s">
        <v>88</v>
      </c>
      <c r="AE36" s="37" t="s">
        <v>161</v>
      </c>
      <c r="AF36" s="86" t="s">
        <v>88</v>
      </c>
      <c r="AG36" s="37" t="s">
        <v>301</v>
      </c>
      <c r="AH36" s="86" t="s">
        <v>88</v>
      </c>
      <c r="AI36" s="63" t="s">
        <v>74</v>
      </c>
      <c r="AJ36" s="63" t="s">
        <v>302</v>
      </c>
      <c r="AK36" s="63" t="s">
        <v>76</v>
      </c>
      <c r="AL36" s="63" t="s">
        <v>159</v>
      </c>
      <c r="AM36" s="85" t="s">
        <v>88</v>
      </c>
      <c r="AN36" s="63" t="s">
        <v>160</v>
      </c>
      <c r="AO36" s="85" t="s">
        <v>88</v>
      </c>
      <c r="AP36" s="63" t="s">
        <v>161</v>
      </c>
      <c r="AQ36" s="85" t="s">
        <v>88</v>
      </c>
      <c r="AR36" s="63" t="s">
        <v>301</v>
      </c>
      <c r="AS36" s="85" t="s">
        <v>88</v>
      </c>
      <c r="AT36" s="37" t="s">
        <v>74</v>
      </c>
      <c r="AU36" s="38" t="s">
        <v>302</v>
      </c>
      <c r="AV36" s="39" t="s">
        <v>76</v>
      </c>
      <c r="AW36" s="37" t="s">
        <v>159</v>
      </c>
      <c r="AX36" s="86" t="s">
        <v>88</v>
      </c>
      <c r="AY36" s="37" t="s">
        <v>160</v>
      </c>
      <c r="AZ36" s="86" t="s">
        <v>88</v>
      </c>
      <c r="BA36" s="37" t="s">
        <v>161</v>
      </c>
      <c r="BB36" s="86" t="s">
        <v>88</v>
      </c>
      <c r="BC36" s="37" t="s">
        <v>301</v>
      </c>
      <c r="BD36" s="86" t="s">
        <v>88</v>
      </c>
    </row>
    <row r="37" spans="1:56">
      <c r="A37" s="40" t="s">
        <v>350</v>
      </c>
      <c r="B37" s="94">
        <v>14077</v>
      </c>
      <c r="C37" s="95">
        <v>5.6717195030164307</v>
      </c>
      <c r="D37" s="96">
        <v>2.2006655167935329E-2</v>
      </c>
      <c r="E37" s="88">
        <v>6.7939177629308845E-2</v>
      </c>
      <c r="F37" s="89">
        <v>4.2448158483552227E-3</v>
      </c>
      <c r="G37" s="88">
        <v>9.8358568809517877E-2</v>
      </c>
      <c r="H37" s="89">
        <v>5.0218130243042756E-3</v>
      </c>
      <c r="I37" s="88">
        <v>0.8257634858875279</v>
      </c>
      <c r="J37" s="89">
        <v>6.3944270113314647E-3</v>
      </c>
      <c r="K37" s="88">
        <v>7.9387676736491011E-3</v>
      </c>
      <c r="L37" s="89">
        <v>1.5087543635825945E-3</v>
      </c>
      <c r="M37" s="87">
        <v>13888</v>
      </c>
      <c r="N37" s="95">
        <v>4.7609655299294502</v>
      </c>
      <c r="O37" s="96">
        <v>2.4780577644294373E-2</v>
      </c>
      <c r="P37" s="88">
        <v>0.16101703319469568</v>
      </c>
      <c r="Q37" s="89">
        <v>6.2383023087637032E-3</v>
      </c>
      <c r="R37" s="88">
        <v>0.20081184660958318</v>
      </c>
      <c r="S37" s="89">
        <v>6.7988665767560385E-3</v>
      </c>
      <c r="T37" s="88">
        <v>0.55179722526924591</v>
      </c>
      <c r="U37" s="89">
        <v>8.4387086173694625E-3</v>
      </c>
      <c r="V37" s="88">
        <v>8.6373894926489211E-2</v>
      </c>
      <c r="W37" s="89">
        <v>4.7697323725509047E-3</v>
      </c>
      <c r="X37" s="94">
        <v>13988</v>
      </c>
      <c r="Y37" s="95">
        <v>5.4647883414652423</v>
      </c>
      <c r="Z37" s="96">
        <v>2.3873255796919322E-2</v>
      </c>
      <c r="AA37" s="88">
        <v>9.493294388461665E-2</v>
      </c>
      <c r="AB37" s="89">
        <v>4.9587918774402833E-3</v>
      </c>
      <c r="AC37" s="88">
        <v>0.13882229336557911</v>
      </c>
      <c r="AD37" s="89">
        <v>5.8479211209676108E-3</v>
      </c>
      <c r="AE37" s="88">
        <v>0.75480760630495358</v>
      </c>
      <c r="AF37" s="89">
        <v>7.2745355965066223E-3</v>
      </c>
      <c r="AG37" s="88">
        <v>1.1437156444856489E-2</v>
      </c>
      <c r="AH37" s="89">
        <v>1.8086573734438583E-3</v>
      </c>
      <c r="AI37" s="87">
        <v>13944</v>
      </c>
      <c r="AJ37" s="95">
        <v>5.3636066188661893</v>
      </c>
      <c r="AK37" s="96">
        <v>2.4887361890588471E-2</v>
      </c>
      <c r="AL37" s="88">
        <v>9.8959852403268211E-2</v>
      </c>
      <c r="AM37" s="89">
        <v>5.0594128305096559E-3</v>
      </c>
      <c r="AN37" s="88">
        <v>0.13544595495136738</v>
      </c>
      <c r="AO37" s="89">
        <v>5.796881252894309E-3</v>
      </c>
      <c r="AP37" s="88">
        <v>0.73981757192299402</v>
      </c>
      <c r="AQ37" s="89">
        <v>7.4304058022558496E-3</v>
      </c>
      <c r="AR37" s="88">
        <v>2.5776620722375066E-2</v>
      </c>
      <c r="AS37" s="89">
        <v>2.6904729721280692E-3</v>
      </c>
      <c r="AT37" s="94">
        <v>13946</v>
      </c>
      <c r="AU37" s="95">
        <v>5.2427828296385561</v>
      </c>
      <c r="AV37" s="96">
        <v>2.4062594200143159E-2</v>
      </c>
      <c r="AW37" s="88">
        <v>0.11644986583040216</v>
      </c>
      <c r="AX37" s="89">
        <v>5.4338286480597135E-3</v>
      </c>
      <c r="AY37" s="88">
        <v>0.16078765872578515</v>
      </c>
      <c r="AZ37" s="89">
        <v>6.2217324091287576E-3</v>
      </c>
      <c r="BA37" s="88">
        <v>0.70942705138245044</v>
      </c>
      <c r="BB37" s="89">
        <v>7.6886633308146631E-3</v>
      </c>
      <c r="BC37" s="88">
        <v>1.3335424061372461E-2</v>
      </c>
      <c r="BD37" s="89">
        <v>1.95236422490348E-3</v>
      </c>
    </row>
    <row r="38" spans="1:56">
      <c r="A38" s="44" t="s">
        <v>351</v>
      </c>
      <c r="B38" s="98">
        <v>10234</v>
      </c>
      <c r="C38" s="99">
        <v>5.8006953589647354</v>
      </c>
      <c r="D38" s="100">
        <v>2.5271619982050172E-2</v>
      </c>
      <c r="E38" s="91">
        <v>5.9659676196670029E-2</v>
      </c>
      <c r="F38" s="92">
        <v>4.6880363081661094E-3</v>
      </c>
      <c r="G38" s="91">
        <v>8.7849764391385393E-2</v>
      </c>
      <c r="H38" s="92">
        <v>5.5999641570346195E-3</v>
      </c>
      <c r="I38" s="91">
        <v>0.84853044784628484</v>
      </c>
      <c r="J38" s="92">
        <v>7.0889040262602544E-3</v>
      </c>
      <c r="K38" s="91">
        <v>3.9601115656494072E-3</v>
      </c>
      <c r="L38" s="92">
        <v>1.2712979478293133E-3</v>
      </c>
      <c r="M38" s="90">
        <v>10171</v>
      </c>
      <c r="N38" s="99">
        <v>4.9518092136617637</v>
      </c>
      <c r="O38" s="100">
        <v>2.8316101659227592E-2</v>
      </c>
      <c r="P38" s="91">
        <v>0.13800811947648678</v>
      </c>
      <c r="Q38" s="92">
        <v>6.8415520660949705E-3</v>
      </c>
      <c r="R38" s="91">
        <v>0.17956461148555583</v>
      </c>
      <c r="S38" s="92">
        <v>7.6122719028059805E-3</v>
      </c>
      <c r="T38" s="91">
        <v>0.61278144913559662</v>
      </c>
      <c r="U38" s="92">
        <v>9.6583473281565656E-3</v>
      </c>
      <c r="V38" s="91">
        <v>6.9645819902353454E-2</v>
      </c>
      <c r="W38" s="92">
        <v>5.0526803767661395E-3</v>
      </c>
      <c r="X38" s="98">
        <v>10172</v>
      </c>
      <c r="Y38" s="99">
        <v>5.5869534231471416</v>
      </c>
      <c r="Z38" s="100">
        <v>2.764728689001332E-2</v>
      </c>
      <c r="AA38" s="91">
        <v>9.1978480837174081E-2</v>
      </c>
      <c r="AB38" s="92">
        <v>5.7341967651713087E-3</v>
      </c>
      <c r="AC38" s="91">
        <v>0.1198177965089597</v>
      </c>
      <c r="AD38" s="92">
        <v>6.4420219270535962E-3</v>
      </c>
      <c r="AE38" s="91">
        <v>0.78034738616704957</v>
      </c>
      <c r="AF38" s="92">
        <v>8.2097866696426124E-3</v>
      </c>
      <c r="AG38" s="91">
        <v>7.8563364868076968E-3</v>
      </c>
      <c r="AH38" s="92">
        <v>1.7716528897605086E-3</v>
      </c>
      <c r="AI38" s="90">
        <v>10132</v>
      </c>
      <c r="AJ38" s="99">
        <v>5.3689438075203624</v>
      </c>
      <c r="AK38" s="100">
        <v>2.9776632696467912E-2</v>
      </c>
      <c r="AL38" s="91">
        <v>0.10558743794912794</v>
      </c>
      <c r="AM38" s="92">
        <v>6.1087709107046752E-3</v>
      </c>
      <c r="AN38" s="91">
        <v>0.13562741111890766</v>
      </c>
      <c r="AO38" s="92">
        <v>6.8047926543176093E-3</v>
      </c>
      <c r="AP38" s="91">
        <v>0.73746734649363577</v>
      </c>
      <c r="AQ38" s="92">
        <v>8.7419769929064986E-3</v>
      </c>
      <c r="AR38" s="91">
        <v>2.1317804438321323E-2</v>
      </c>
      <c r="AS38" s="92">
        <v>2.8817917428090381E-3</v>
      </c>
      <c r="AT38" s="98">
        <v>10137</v>
      </c>
      <c r="AU38" s="99">
        <v>5.3929460011779753</v>
      </c>
      <c r="AV38" s="100">
        <v>2.7648857802395448E-2</v>
      </c>
      <c r="AW38" s="91">
        <v>0.10402958928087169</v>
      </c>
      <c r="AX38" s="92">
        <v>6.0674023478873556E-3</v>
      </c>
      <c r="AY38" s="91">
        <v>0.13741601575282386</v>
      </c>
      <c r="AZ38" s="92">
        <v>6.8406733060973873E-3</v>
      </c>
      <c r="BA38" s="91">
        <v>0.74984691661001823</v>
      </c>
      <c r="BB38" s="92">
        <v>8.6027208045495827E-3</v>
      </c>
      <c r="BC38" s="91">
        <v>8.70747835627869E-3</v>
      </c>
      <c r="BD38" s="92">
        <v>1.86540820302059E-3</v>
      </c>
    </row>
    <row r="39" spans="1:56">
      <c r="A39" s="40" t="s">
        <v>352</v>
      </c>
      <c r="B39" s="94">
        <v>3843</v>
      </c>
      <c r="C39" s="95">
        <v>5.5695685726458244</v>
      </c>
      <c r="D39" s="96">
        <v>4.3671051724268904E-2</v>
      </c>
      <c r="E39" s="88">
        <v>7.4449882927680469E-2</v>
      </c>
      <c r="F39" s="89">
        <v>8.4875781931290414E-3</v>
      </c>
      <c r="G39" s="88">
        <v>0.10662231864534301</v>
      </c>
      <c r="H39" s="89">
        <v>9.9687910920710637E-3</v>
      </c>
      <c r="I39" s="88">
        <v>0.80786035717153071</v>
      </c>
      <c r="J39" s="89">
        <v>1.2712206754343047E-2</v>
      </c>
      <c r="K39" s="88">
        <v>1.1067441255447584E-2</v>
      </c>
      <c r="L39" s="89">
        <v>3.4491847089210535E-3</v>
      </c>
      <c r="M39" s="87">
        <v>3717</v>
      </c>
      <c r="N39" s="95">
        <v>4.601883811526486</v>
      </c>
      <c r="O39" s="96">
        <v>4.8929803325579023E-2</v>
      </c>
      <c r="P39" s="88">
        <v>0.17957361283544582</v>
      </c>
      <c r="Q39" s="89">
        <v>1.2594071914070342E-2</v>
      </c>
      <c r="R39" s="88">
        <v>0.21794764083061524</v>
      </c>
      <c r="S39" s="89">
        <v>1.3542905101077555E-2</v>
      </c>
      <c r="T39" s="88">
        <v>0.50261373834476852</v>
      </c>
      <c r="U39" s="89">
        <v>1.6393219114925386E-2</v>
      </c>
      <c r="V39" s="88">
        <v>9.9865007989171237E-2</v>
      </c>
      <c r="W39" s="89">
        <v>9.8489548838999168E-3</v>
      </c>
      <c r="X39" s="94">
        <v>3816</v>
      </c>
      <c r="Y39" s="95">
        <v>5.3680021337149011</v>
      </c>
      <c r="Z39" s="96">
        <v>4.6310427609142078E-2</v>
      </c>
      <c r="AA39" s="88">
        <v>9.7258541741567991E-2</v>
      </c>
      <c r="AB39" s="89">
        <v>9.6068707549487944E-3</v>
      </c>
      <c r="AC39" s="88">
        <v>0.15378163333786277</v>
      </c>
      <c r="AD39" s="89">
        <v>1.1684497352447126E-2</v>
      </c>
      <c r="AE39" s="88">
        <v>0.73470403541554274</v>
      </c>
      <c r="AF39" s="89">
        <v>1.4290527697099509E-2</v>
      </c>
      <c r="AG39" s="88">
        <v>1.4255789505028236E-2</v>
      </c>
      <c r="AH39" s="89">
        <v>3.902802593986324E-3</v>
      </c>
      <c r="AI39" s="87">
        <v>3812</v>
      </c>
      <c r="AJ39" s="95">
        <v>5.3593951931661827</v>
      </c>
      <c r="AK39" s="96">
        <v>4.4941211060316094E-2</v>
      </c>
      <c r="AL39" s="88">
        <v>9.3772684357470021E-2</v>
      </c>
      <c r="AM39" s="89">
        <v>9.4572380803216761E-3</v>
      </c>
      <c r="AN39" s="88">
        <v>0.13530393586651437</v>
      </c>
      <c r="AO39" s="89">
        <v>1.108739190888117E-2</v>
      </c>
      <c r="AP39" s="88">
        <v>0.74165700713861027</v>
      </c>
      <c r="AQ39" s="89">
        <v>1.4176347215489897E-2</v>
      </c>
      <c r="AR39" s="88">
        <v>2.9266372637407598E-2</v>
      </c>
      <c r="AS39" s="89">
        <v>5.5014919047469413E-3</v>
      </c>
      <c r="AT39" s="94">
        <v>3809</v>
      </c>
      <c r="AU39" s="95">
        <v>5.1237387333291071</v>
      </c>
      <c r="AV39" s="96">
        <v>4.7389960806706481E-2</v>
      </c>
      <c r="AW39" s="88">
        <v>0.12621411834361967</v>
      </c>
      <c r="AX39" s="89">
        <v>1.0770334328048033E-2</v>
      </c>
      <c r="AY39" s="88">
        <v>0.17916137389442194</v>
      </c>
      <c r="AZ39" s="89">
        <v>1.2429858142465144E-2</v>
      </c>
      <c r="BA39" s="88">
        <v>0.67765080477001594</v>
      </c>
      <c r="BB39" s="89">
        <v>1.5140096599956869E-2</v>
      </c>
      <c r="BC39" s="88">
        <v>1.6973702991942313E-2</v>
      </c>
      <c r="BD39" s="89">
        <v>4.2446619666232479E-3</v>
      </c>
    </row>
    <row r="40" spans="1:56">
      <c r="A40" s="44" t="s">
        <v>534</v>
      </c>
      <c r="B40" s="98">
        <v>1733</v>
      </c>
      <c r="C40" s="99">
        <v>5.5373064930156639</v>
      </c>
      <c r="D40" s="100">
        <v>6.6050988979427974E-2</v>
      </c>
      <c r="E40" s="91">
        <v>9.0100610655791211E-2</v>
      </c>
      <c r="F40" s="92">
        <v>1.3804743171590764E-2</v>
      </c>
      <c r="G40" s="91">
        <v>0.11925699861559327</v>
      </c>
      <c r="H40" s="92">
        <v>1.5601666216147808E-2</v>
      </c>
      <c r="I40" s="91">
        <v>0.78102044254663727</v>
      </c>
      <c r="J40" s="92">
        <v>1.986661398880208E-2</v>
      </c>
      <c r="K40" s="91">
        <v>9.6219481819772093E-3</v>
      </c>
      <c r="L40" s="92">
        <v>4.9489303723157631E-3</v>
      </c>
      <c r="M40" s="90">
        <v>1690</v>
      </c>
      <c r="N40" s="99">
        <v>4.5727049629260828</v>
      </c>
      <c r="O40" s="100">
        <v>7.2247410927818764E-2</v>
      </c>
      <c r="P40" s="91">
        <v>0.18641251867173381</v>
      </c>
      <c r="Q40" s="92">
        <v>1.8952917815616022E-2</v>
      </c>
      <c r="R40" s="91">
        <v>0.20530072425640861</v>
      </c>
      <c r="S40" s="92">
        <v>1.9652350099859675E-2</v>
      </c>
      <c r="T40" s="91">
        <v>0.50708585401194295</v>
      </c>
      <c r="U40" s="92">
        <v>2.4294048105223981E-2</v>
      </c>
      <c r="V40" s="91">
        <v>0.10120090305991498</v>
      </c>
      <c r="W40" s="92">
        <v>1.4715681770954751E-2</v>
      </c>
      <c r="X40" s="98">
        <v>1722</v>
      </c>
      <c r="Y40" s="99">
        <v>5.3451317847493796</v>
      </c>
      <c r="Z40" s="100">
        <v>7.0564015273786307E-2</v>
      </c>
      <c r="AA40" s="91">
        <v>0.11430401841069145</v>
      </c>
      <c r="AB40" s="92">
        <v>1.5369328759399607E-2</v>
      </c>
      <c r="AC40" s="91">
        <v>0.13978089778147257</v>
      </c>
      <c r="AD40" s="92">
        <v>1.6734788194917499E-2</v>
      </c>
      <c r="AE40" s="91">
        <v>0.73498573532668388</v>
      </c>
      <c r="AF40" s="92">
        <v>2.1260255877397435E-2</v>
      </c>
      <c r="AG40" s="91">
        <v>1.0929348481151419E-2</v>
      </c>
      <c r="AH40" s="92">
        <v>5.2553031032823282E-3</v>
      </c>
      <c r="AI40" s="90">
        <v>1713</v>
      </c>
      <c r="AJ40" s="99">
        <v>5.2459798133387743</v>
      </c>
      <c r="AK40" s="100">
        <v>6.9535300193080032E-2</v>
      </c>
      <c r="AL40" s="91">
        <v>0.10918414532422283</v>
      </c>
      <c r="AM40" s="92">
        <v>1.5107750045707248E-2</v>
      </c>
      <c r="AN40" s="91">
        <v>0.13846914770878616</v>
      </c>
      <c r="AO40" s="92">
        <v>1.6713260551305915E-2</v>
      </c>
      <c r="AP40" s="91">
        <v>0.72537413159960307</v>
      </c>
      <c r="AQ40" s="92">
        <v>2.1555302593440278E-2</v>
      </c>
      <c r="AR40" s="91">
        <v>2.6972575367386824E-2</v>
      </c>
      <c r="AS40" s="92">
        <v>7.97292743433866E-3</v>
      </c>
      <c r="AT40" s="98">
        <v>1717</v>
      </c>
      <c r="AU40" s="99">
        <v>5.1191296481370765</v>
      </c>
      <c r="AV40" s="100">
        <v>7.0361191883242927E-2</v>
      </c>
      <c r="AW40" s="91">
        <v>0.13499754392161184</v>
      </c>
      <c r="AX40" s="92">
        <v>1.6518036331201622E-2</v>
      </c>
      <c r="AY40" s="91">
        <v>0.16555999572809046</v>
      </c>
      <c r="AZ40" s="92">
        <v>1.795269205372519E-2</v>
      </c>
      <c r="BA40" s="91">
        <v>0.67993323531832728</v>
      </c>
      <c r="BB40" s="92">
        <v>2.249794899738284E-2</v>
      </c>
      <c r="BC40" s="91">
        <v>1.950922503196971E-2</v>
      </c>
      <c r="BD40" s="92">
        <v>6.8520624540743709E-3</v>
      </c>
    </row>
    <row r="41" spans="1:56">
      <c r="A41" s="40" t="s">
        <v>535</v>
      </c>
      <c r="B41" s="94">
        <v>929</v>
      </c>
      <c r="C41" s="95">
        <v>5.7915370562039072</v>
      </c>
      <c r="D41" s="96">
        <v>8.7839403995361637E-2</v>
      </c>
      <c r="E41" s="88">
        <v>7.0023921263716676E-2</v>
      </c>
      <c r="F41" s="89">
        <v>1.6910637141078825E-2</v>
      </c>
      <c r="G41" s="88">
        <v>9.1576736975293838E-2</v>
      </c>
      <c r="H41" s="89">
        <v>1.9046699449281383E-2</v>
      </c>
      <c r="I41" s="88">
        <v>0.83065448168921074</v>
      </c>
      <c r="J41" s="89">
        <v>2.463913823013E-2</v>
      </c>
      <c r="K41" s="88">
        <v>7.7448600717795043E-3</v>
      </c>
      <c r="L41" s="89">
        <v>6.4680440164628563E-3</v>
      </c>
      <c r="M41" s="87">
        <v>921</v>
      </c>
      <c r="N41" s="95">
        <v>4.9326009603892933</v>
      </c>
      <c r="O41" s="96">
        <v>9.3913476998509909E-2</v>
      </c>
      <c r="P41" s="88">
        <v>0.14530496090843825</v>
      </c>
      <c r="Q41" s="89">
        <v>2.3275287976419461E-2</v>
      </c>
      <c r="R41" s="88">
        <v>0.17049440186319753</v>
      </c>
      <c r="S41" s="89">
        <v>2.4811771255243403E-2</v>
      </c>
      <c r="T41" s="88">
        <v>0.6309035936675762</v>
      </c>
      <c r="U41" s="89">
        <v>3.1743031059375267E-2</v>
      </c>
      <c r="V41" s="88">
        <v>5.3297043560787474E-2</v>
      </c>
      <c r="W41" s="89">
        <v>1.5021212990270543E-2</v>
      </c>
      <c r="X41" s="94">
        <v>925</v>
      </c>
      <c r="Y41" s="95">
        <v>5.5760491783492627</v>
      </c>
      <c r="Z41" s="96">
        <v>9.4244431394056027E-2</v>
      </c>
      <c r="AA41" s="88">
        <v>9.83954963105486E-2</v>
      </c>
      <c r="AB41" s="89">
        <v>1.9696265642054834E-2</v>
      </c>
      <c r="AC41" s="88">
        <v>0.10486628010909127</v>
      </c>
      <c r="AD41" s="89">
        <v>2.0247229102498751E-2</v>
      </c>
      <c r="AE41" s="88">
        <v>0.78861983802661784</v>
      </c>
      <c r="AF41" s="89">
        <v>2.6848407303117966E-2</v>
      </c>
      <c r="AG41" s="88">
        <v>8.1183855537428455E-3</v>
      </c>
      <c r="AH41" s="89">
        <v>6.6047903892257126E-3</v>
      </c>
      <c r="AI41" s="87">
        <v>920</v>
      </c>
      <c r="AJ41" s="95">
        <v>5.2634341307961954</v>
      </c>
      <c r="AK41" s="96">
        <v>9.7867493255878235E-2</v>
      </c>
      <c r="AL41" s="88">
        <v>0.11446693093329703</v>
      </c>
      <c r="AM41" s="89">
        <v>2.1079971081913482E-2</v>
      </c>
      <c r="AN41" s="88">
        <v>0.12410473421232325</v>
      </c>
      <c r="AO41" s="89">
        <v>2.1814195111297924E-2</v>
      </c>
      <c r="AP41" s="88">
        <v>0.72492501584028335</v>
      </c>
      <c r="AQ41" s="89">
        <v>2.9413149630632691E-2</v>
      </c>
      <c r="AR41" s="88">
        <v>3.6503319014096619E-2</v>
      </c>
      <c r="AS41" s="89">
        <v>1.2660535130017579E-2</v>
      </c>
      <c r="AT41" s="94">
        <v>922</v>
      </c>
      <c r="AU41" s="95">
        <v>5.4549330562078167</v>
      </c>
      <c r="AV41" s="96">
        <v>9.2087060487470396E-2</v>
      </c>
      <c r="AW41" s="88">
        <v>9.6429399409586447E-2</v>
      </c>
      <c r="AX41" s="89">
        <v>1.9556067578830445E-2</v>
      </c>
      <c r="AY41" s="88">
        <v>0.11363091462430822</v>
      </c>
      <c r="AZ41" s="89">
        <v>2.0991187047163237E-2</v>
      </c>
      <c r="BA41" s="88">
        <v>0.77404194642265833</v>
      </c>
      <c r="BB41" s="89">
        <v>2.7537401516907881E-2</v>
      </c>
      <c r="BC41" s="88">
        <v>1.5897739543447816E-2</v>
      </c>
      <c r="BD41" s="89">
        <v>8.7354429872141086E-3</v>
      </c>
    </row>
    <row r="42" spans="1:56">
      <c r="A42" s="44" t="s">
        <v>536</v>
      </c>
      <c r="B42" s="98">
        <v>198</v>
      </c>
      <c r="C42" s="99">
        <v>5.8884270087904973</v>
      </c>
      <c r="D42" s="100">
        <v>0.1877512582816144</v>
      </c>
      <c r="E42" s="91">
        <v>6.4683514098899539E-2</v>
      </c>
      <c r="F42" s="92">
        <v>3.6676325362012388E-2</v>
      </c>
      <c r="G42" s="91">
        <v>7.0252716764297216E-2</v>
      </c>
      <c r="H42" s="92">
        <v>3.7905307362653358E-2</v>
      </c>
      <c r="I42" s="91">
        <v>0.86506376913680338</v>
      </c>
      <c r="J42" s="92">
        <v>4.9141998258684441E-2</v>
      </c>
      <c r="K42" s="91">
        <v>0</v>
      </c>
      <c r="L42" s="92">
        <v>1.3932624648124592E-2</v>
      </c>
      <c r="M42" s="90">
        <v>197</v>
      </c>
      <c r="N42" s="99">
        <v>4.9772010623370599</v>
      </c>
      <c r="O42" s="100">
        <v>0.20527746919633197</v>
      </c>
      <c r="P42" s="91">
        <v>0.11801093008158638</v>
      </c>
      <c r="Q42" s="92">
        <v>4.6752050862714563E-2</v>
      </c>
      <c r="R42" s="91">
        <v>0.17391457715566358</v>
      </c>
      <c r="S42" s="92">
        <v>5.4244387850479886E-2</v>
      </c>
      <c r="T42" s="91">
        <v>0.64269368044109632</v>
      </c>
      <c r="U42" s="92">
        <v>6.7719182703375125E-2</v>
      </c>
      <c r="V42" s="91">
        <v>6.5380812321653631E-2</v>
      </c>
      <c r="W42" s="92">
        <v>3.6934665142280582E-2</v>
      </c>
      <c r="X42" s="98">
        <v>196</v>
      </c>
      <c r="Y42" s="99">
        <v>5.6672257246365225</v>
      </c>
      <c r="Z42" s="100">
        <v>0.20399095002550396</v>
      </c>
      <c r="AA42" s="91">
        <v>0.10075351417811867</v>
      </c>
      <c r="AB42" s="92">
        <v>4.4025991122051238E-2</v>
      </c>
      <c r="AC42" s="91">
        <v>7.2776987280949917E-2</v>
      </c>
      <c r="AD42" s="92">
        <v>3.8654435633207564E-2</v>
      </c>
      <c r="AE42" s="91">
        <v>0.82646949854093166</v>
      </c>
      <c r="AF42" s="92">
        <v>5.4339364539557199E-2</v>
      </c>
      <c r="AG42" s="91">
        <v>0</v>
      </c>
      <c r="AH42" s="92">
        <v>1.4071247279470289E-2</v>
      </c>
      <c r="AI42" s="90">
        <v>195</v>
      </c>
      <c r="AJ42" s="99">
        <v>5.4748912349680641</v>
      </c>
      <c r="AK42" s="100">
        <v>0.20410570650404689</v>
      </c>
      <c r="AL42" s="91">
        <v>8.972115315724094E-2</v>
      </c>
      <c r="AM42" s="92">
        <v>4.2146011369555557E-2</v>
      </c>
      <c r="AN42" s="91">
        <v>0.10953404833029666</v>
      </c>
      <c r="AO42" s="92">
        <v>4.5634319493294495E-2</v>
      </c>
      <c r="AP42" s="91">
        <v>0.76946188376147118</v>
      </c>
      <c r="AQ42" s="92">
        <v>6.0197320408688491E-2</v>
      </c>
      <c r="AR42" s="91">
        <v>3.1282914750990994E-2</v>
      </c>
      <c r="AS42" s="92">
        <v>2.8015616060422653E-2</v>
      </c>
      <c r="AT42" s="98">
        <v>196</v>
      </c>
      <c r="AU42" s="99">
        <v>5.6048923544848028</v>
      </c>
      <c r="AV42" s="100">
        <v>0.19873237281826478</v>
      </c>
      <c r="AW42" s="91">
        <v>9.2542347337785144E-2</v>
      </c>
      <c r="AX42" s="92">
        <v>4.2556485320109028E-2</v>
      </c>
      <c r="AY42" s="91">
        <v>7.1096239006948406E-2</v>
      </c>
      <c r="AZ42" s="92">
        <v>3.8295252415749152E-2</v>
      </c>
      <c r="BA42" s="91">
        <v>0.8151547143715373</v>
      </c>
      <c r="BB42" s="92">
        <v>5.5607675148566078E-2</v>
      </c>
      <c r="BC42" s="91">
        <v>2.1206699283729355E-2</v>
      </c>
      <c r="BD42" s="92">
        <v>2.4427443162036325E-2</v>
      </c>
    </row>
    <row r="43" spans="1:56">
      <c r="A43" s="40" t="s">
        <v>537</v>
      </c>
      <c r="B43" s="94">
        <v>73</v>
      </c>
      <c r="C43" s="95">
        <v>5.8957933923042507</v>
      </c>
      <c r="D43" s="96">
        <v>0.3354373951647846</v>
      </c>
      <c r="E43" s="88">
        <v>8.4547431282667396E-2</v>
      </c>
      <c r="F43" s="89">
        <v>7.0200431784918985E-2</v>
      </c>
      <c r="G43" s="88">
        <v>2.9123315547601981E-2</v>
      </c>
      <c r="H43" s="89">
        <v>5.1326887000744406E-2</v>
      </c>
      <c r="I43" s="88">
        <v>0.88632925316973088</v>
      </c>
      <c r="J43" s="89">
        <v>7.7578101449458634E-2</v>
      </c>
      <c r="K43" s="88">
        <v>0</v>
      </c>
      <c r="L43" s="89">
        <v>3.6252631573966396E-2</v>
      </c>
      <c r="M43" s="87">
        <v>73</v>
      </c>
      <c r="N43" s="95">
        <v>4.9880215568211632</v>
      </c>
      <c r="O43" s="96">
        <v>0.34453977502226901</v>
      </c>
      <c r="P43" s="88">
        <v>0.10577907877280651</v>
      </c>
      <c r="Q43" s="89">
        <v>7.5701732885590373E-2</v>
      </c>
      <c r="R43" s="88">
        <v>0.13344093039731131</v>
      </c>
      <c r="S43" s="89">
        <v>8.1935009690733238E-2</v>
      </c>
      <c r="T43" s="88">
        <v>0.68619608690972167</v>
      </c>
      <c r="U43" s="89">
        <v>0.10662214670556953</v>
      </c>
      <c r="V43" s="88">
        <v>7.4583903920160594E-2</v>
      </c>
      <c r="W43" s="89">
        <v>6.7356679415792431E-2</v>
      </c>
      <c r="X43" s="94">
        <v>73</v>
      </c>
      <c r="Y43" s="95">
        <v>5.4554618204944365</v>
      </c>
      <c r="Z43" s="96">
        <v>0.38173163136600929</v>
      </c>
      <c r="AA43" s="88">
        <v>0.14202683113210082</v>
      </c>
      <c r="AB43" s="89">
        <v>8.3688706807061003E-2</v>
      </c>
      <c r="AC43" s="88">
        <v>7.7470933453236371E-2</v>
      </c>
      <c r="AD43" s="89">
        <v>6.8199882109727231E-2</v>
      </c>
      <c r="AE43" s="88">
        <v>0.7805022354146629</v>
      </c>
      <c r="AF43" s="89">
        <v>9.6505397933774231E-2</v>
      </c>
      <c r="AG43" s="88">
        <v>0</v>
      </c>
      <c r="AH43" s="89">
        <v>3.6252631573966396E-2</v>
      </c>
      <c r="AI43" s="87">
        <v>73</v>
      </c>
      <c r="AJ43" s="95">
        <v>5.3155030551729778</v>
      </c>
      <c r="AK43" s="96">
        <v>0.35762307094141049</v>
      </c>
      <c r="AL43" s="88">
        <v>0.13669338420827015</v>
      </c>
      <c r="AM43" s="89">
        <v>8.2608616634278334E-2</v>
      </c>
      <c r="AN43" s="88">
        <v>6.0626957723435196E-2</v>
      </c>
      <c r="AO43" s="89">
        <v>6.3034673313024051E-2</v>
      </c>
      <c r="AP43" s="88">
        <v>0.75283338711357362</v>
      </c>
      <c r="AQ43" s="89">
        <v>0.10001150599295971</v>
      </c>
      <c r="AR43" s="88">
        <v>4.9846270954721196E-2</v>
      </c>
      <c r="AS43" s="89">
        <v>5.937690242813673E-2</v>
      </c>
      <c r="AT43" s="94">
        <v>72</v>
      </c>
      <c r="AU43" s="95">
        <v>5.4579977448734054</v>
      </c>
      <c r="AV43" s="96">
        <v>0.37109473769891443</v>
      </c>
      <c r="AW43" s="88">
        <v>0.11534873414456003</v>
      </c>
      <c r="AX43" s="89">
        <v>7.8541953311211124E-2</v>
      </c>
      <c r="AY43" s="88">
        <v>0.10926893859432825</v>
      </c>
      <c r="AZ43" s="89">
        <v>7.7111311722810952E-2</v>
      </c>
      <c r="BA43" s="88">
        <v>0.73618913534941077</v>
      </c>
      <c r="BB43" s="89">
        <v>0.1025804690687435</v>
      </c>
      <c r="BC43" s="88">
        <v>3.9193191911701064E-2</v>
      </c>
      <c r="BD43" s="89">
        <v>5.5923238661146721E-2</v>
      </c>
    </row>
    <row r="44" spans="1:56">
      <c r="A44" s="44" t="s">
        <v>546</v>
      </c>
      <c r="B44" s="98">
        <v>812</v>
      </c>
      <c r="C44" s="99">
        <v>5.432055798891966</v>
      </c>
      <c r="D44" s="100">
        <v>9.7895723244653551E-2</v>
      </c>
      <c r="E44" s="91">
        <v>9.9123414492533965E-2</v>
      </c>
      <c r="F44" s="92">
        <v>2.1105432324141526E-2</v>
      </c>
      <c r="G44" s="91">
        <v>0.1300165768036311</v>
      </c>
      <c r="H44" s="92">
        <v>2.3686164350760517E-2</v>
      </c>
      <c r="I44" s="91">
        <v>0.7605169443721016</v>
      </c>
      <c r="J44" s="92">
        <v>2.9934133082574588E-2</v>
      </c>
      <c r="K44" s="91">
        <v>1.0343064331734084E-2</v>
      </c>
      <c r="L44" s="92">
        <v>7.8531093587250744E-3</v>
      </c>
      <c r="M44" s="90">
        <v>777</v>
      </c>
      <c r="N44" s="99">
        <v>4.41129289949194</v>
      </c>
      <c r="O44" s="100">
        <v>0.10773590467644209</v>
      </c>
      <c r="P44" s="91">
        <v>0.20373474980982156</v>
      </c>
      <c r="Q44" s="92">
        <v>2.8904335423287082E-2</v>
      </c>
      <c r="R44" s="91">
        <v>0.21972850453080159</v>
      </c>
      <c r="S44" s="92">
        <v>2.9701930201321614E-2</v>
      </c>
      <c r="T44" s="91">
        <v>0.45546019698422519</v>
      </c>
      <c r="U44" s="92">
        <v>3.5642015407355947E-2</v>
      </c>
      <c r="V44" s="91">
        <v>0.1210765486751534</v>
      </c>
      <c r="W44" s="92">
        <v>2.3506232269502336E-2</v>
      </c>
      <c r="X44" s="98">
        <v>805</v>
      </c>
      <c r="Y44" s="99">
        <v>5.2499615199636249</v>
      </c>
      <c r="Z44" s="100">
        <v>0.10421592260839853</v>
      </c>
      <c r="AA44" s="91">
        <v>0.12151512019327956</v>
      </c>
      <c r="AB44" s="92">
        <v>2.3125632623644657E-2</v>
      </c>
      <c r="AC44" s="91">
        <v>0.15348298278214298</v>
      </c>
      <c r="AD44" s="92">
        <v>2.5460932891704601E-2</v>
      </c>
      <c r="AE44" s="91">
        <v>0.71296757767581032</v>
      </c>
      <c r="AF44" s="92">
        <v>3.1844197990860669E-2</v>
      </c>
      <c r="AG44" s="91">
        <v>1.2034319348768143E-2</v>
      </c>
      <c r="AH44" s="92">
        <v>8.3904381045870006E-3</v>
      </c>
      <c r="AI44" s="90">
        <v>801</v>
      </c>
      <c r="AJ44" s="99">
        <v>5.2384125203595797</v>
      </c>
      <c r="AK44" s="100">
        <v>9.8374175094571054E-2</v>
      </c>
      <c r="AL44" s="91">
        <v>0.10763178419176075</v>
      </c>
      <c r="AM44" s="92">
        <v>2.2019003418363124E-2</v>
      </c>
      <c r="AN44" s="91">
        <v>0.14365336716658231</v>
      </c>
      <c r="AO44" s="92">
        <v>2.4849948108242367E-2</v>
      </c>
      <c r="AP44" s="91">
        <v>0.72585132730909474</v>
      </c>
      <c r="AQ44" s="92">
        <v>3.1484736595434062E-2</v>
      </c>
      <c r="AR44" s="91">
        <v>2.2863521332562468E-2</v>
      </c>
      <c r="AS44" s="92">
        <v>1.1055503470836963E-2</v>
      </c>
      <c r="AT44" s="98">
        <v>803</v>
      </c>
      <c r="AU44" s="99">
        <v>4.9811213672127135</v>
      </c>
      <c r="AV44" s="100">
        <v>0.10536937973917092</v>
      </c>
      <c r="AW44" s="91">
        <v>0.15144379738807268</v>
      </c>
      <c r="AX44" s="92">
        <v>2.535595071749995E-2</v>
      </c>
      <c r="AY44" s="91">
        <v>0.18610712242771535</v>
      </c>
      <c r="AZ44" s="92">
        <v>2.7488475146479573E-2</v>
      </c>
      <c r="BA44" s="91">
        <v>0.64155581014036245</v>
      </c>
      <c r="BB44" s="92">
        <v>3.3776002616735627E-2</v>
      </c>
      <c r="BC44" s="91">
        <v>2.0893270043850172E-2</v>
      </c>
      <c r="BD44" s="92">
        <v>1.061355043809065E-2</v>
      </c>
    </row>
    <row r="45" spans="1:56">
      <c r="A45" s="40" t="s">
        <v>547</v>
      </c>
      <c r="B45" s="94">
        <v>127</v>
      </c>
      <c r="C45" s="95">
        <v>5.4908633401304145</v>
      </c>
      <c r="D45" s="96">
        <v>0.2649030755143007</v>
      </c>
      <c r="E45" s="88">
        <v>0.11060877493353904</v>
      </c>
      <c r="F45" s="89">
        <v>5.7290655863619859E-2</v>
      </c>
      <c r="G45" s="88">
        <v>9.2636344008204266E-2</v>
      </c>
      <c r="H45" s="89">
        <v>5.3584260032443744E-2</v>
      </c>
      <c r="I45" s="88">
        <v>0.77417646921843053</v>
      </c>
      <c r="J45" s="89">
        <v>7.4001831653345618E-2</v>
      </c>
      <c r="K45" s="88">
        <v>2.2578411839826409E-2</v>
      </c>
      <c r="L45" s="89">
        <v>3.3051239086503988E-2</v>
      </c>
      <c r="M45" s="87">
        <v>127</v>
      </c>
      <c r="N45" s="95">
        <v>4.3584645646974352</v>
      </c>
      <c r="O45" s="96">
        <v>0.2859960257538392</v>
      </c>
      <c r="P45" s="88">
        <v>0.19273767460004873</v>
      </c>
      <c r="Q45" s="89">
        <v>7.0172599629784727E-2</v>
      </c>
      <c r="R45" s="88">
        <v>0.19163139339814683</v>
      </c>
      <c r="S45" s="89">
        <v>7.0033196172415144E-2</v>
      </c>
      <c r="T45" s="88">
        <v>0.40549128066098544</v>
      </c>
      <c r="U45" s="89">
        <v>8.5890971855525133E-2</v>
      </c>
      <c r="V45" s="88">
        <v>0.21013965134081944</v>
      </c>
      <c r="W45" s="89">
        <v>7.2266169600398084E-2</v>
      </c>
      <c r="X45" s="94">
        <v>127</v>
      </c>
      <c r="Y45" s="95">
        <v>5.411311667616741</v>
      </c>
      <c r="Z45" s="96">
        <v>0.27843485135954676</v>
      </c>
      <c r="AA45" s="88">
        <v>0.10414379586747026</v>
      </c>
      <c r="AB45" s="89">
        <v>5.6004732880284146E-2</v>
      </c>
      <c r="AC45" s="88">
        <v>0.11581164694872871</v>
      </c>
      <c r="AD45" s="89">
        <v>5.8290003335785899E-2</v>
      </c>
      <c r="AE45" s="88">
        <v>0.76239853954481684</v>
      </c>
      <c r="AF45" s="89">
        <v>7.5217257755722355E-2</v>
      </c>
      <c r="AG45" s="88">
        <v>1.7646017638984466E-2</v>
      </c>
      <c r="AH45" s="89">
        <v>3.09277823199464E-2</v>
      </c>
      <c r="AI45" s="87">
        <v>127</v>
      </c>
      <c r="AJ45" s="95">
        <v>5.2842893832912914</v>
      </c>
      <c r="AK45" s="96">
        <v>0.24854374293244702</v>
      </c>
      <c r="AL45" s="88">
        <v>0.10270789503032939</v>
      </c>
      <c r="AM45" s="89">
        <v>5.5712173858367214E-2</v>
      </c>
      <c r="AN45" s="88">
        <v>0.10969507743308472</v>
      </c>
      <c r="AO45" s="89">
        <v>5.7111947258496748E-2</v>
      </c>
      <c r="AP45" s="88">
        <v>0.750284046723113</v>
      </c>
      <c r="AQ45" s="89">
        <v>7.6392910387231172E-2</v>
      </c>
      <c r="AR45" s="88">
        <v>3.7312980813473243E-2</v>
      </c>
      <c r="AS45" s="89">
        <v>3.8599398748387324E-2</v>
      </c>
      <c r="AT45" s="94">
        <v>127</v>
      </c>
      <c r="AU45" s="95">
        <v>5.0552379570313226</v>
      </c>
      <c r="AV45" s="96">
        <v>0.27990665110592383</v>
      </c>
      <c r="AW45" s="88">
        <v>0.15700060661267876</v>
      </c>
      <c r="AX45" s="89">
        <v>6.5247941261226225E-2</v>
      </c>
      <c r="AY45" s="88">
        <v>0.21688169958183848</v>
      </c>
      <c r="AZ45" s="89">
        <v>7.3029182917876342E-2</v>
      </c>
      <c r="BA45" s="88">
        <v>0.61679983966296592</v>
      </c>
      <c r="BB45" s="89">
        <v>8.5100423801990524E-2</v>
      </c>
      <c r="BC45" s="88">
        <v>9.3178541425174947E-3</v>
      </c>
      <c r="BD45" s="89">
        <v>2.6906680717188377E-2</v>
      </c>
    </row>
    <row r="46" spans="1:56">
      <c r="A46" s="44" t="s">
        <v>548</v>
      </c>
      <c r="B46" s="98">
        <v>99</v>
      </c>
      <c r="C46" s="99">
        <v>5.8629186951989549</v>
      </c>
      <c r="D46" s="100">
        <v>0.27932171157412922</v>
      </c>
      <c r="E46" s="91">
        <v>4.7533799871267456E-2</v>
      </c>
      <c r="F46" s="92">
        <v>4.8618428060699485E-2</v>
      </c>
      <c r="G46" s="91">
        <v>5.3558372775259849E-2</v>
      </c>
      <c r="H46" s="92">
        <v>5.0577128029008746E-2</v>
      </c>
      <c r="I46" s="91">
        <v>0.87839312990721796</v>
      </c>
      <c r="J46" s="92">
        <v>6.7615010157624583E-2</v>
      </c>
      <c r="K46" s="91">
        <v>2.0514697446254199E-2</v>
      </c>
      <c r="L46" s="92">
        <v>3.8214468687099178E-2</v>
      </c>
      <c r="M46" s="90">
        <v>98</v>
      </c>
      <c r="N46" s="99">
        <v>4.8800318494883488</v>
      </c>
      <c r="O46" s="100">
        <v>0.25393887372415513</v>
      </c>
      <c r="P46" s="91">
        <v>0.13863917370042814</v>
      </c>
      <c r="Q46" s="92">
        <v>7.1251895991119599E-2</v>
      </c>
      <c r="R46" s="91">
        <v>0.18477631326520039</v>
      </c>
      <c r="S46" s="92">
        <v>7.8783551829147772E-2</v>
      </c>
      <c r="T46" s="91">
        <v>0.58283041207604325</v>
      </c>
      <c r="U46" s="92">
        <v>9.7752524607230024E-2</v>
      </c>
      <c r="V46" s="91">
        <v>9.3754100958327674E-2</v>
      </c>
      <c r="W46" s="92">
        <v>6.188364948189392E-2</v>
      </c>
      <c r="X46" s="98">
        <v>98</v>
      </c>
      <c r="Y46" s="99">
        <v>5.6643595431272331</v>
      </c>
      <c r="Z46" s="100">
        <v>0.30186952463839362</v>
      </c>
      <c r="AA46" s="91">
        <v>5.5036421411474919E-2</v>
      </c>
      <c r="AB46" s="92">
        <v>5.1347244291660564E-2</v>
      </c>
      <c r="AC46" s="91">
        <v>0.13790804755753919</v>
      </c>
      <c r="AD46" s="92">
        <v>7.1117403579419106E-2</v>
      </c>
      <c r="AE46" s="91">
        <v>0.78652363689045868</v>
      </c>
      <c r="AF46" s="92">
        <v>8.2656112233185211E-2</v>
      </c>
      <c r="AG46" s="91">
        <v>2.0531894140526627E-2</v>
      </c>
      <c r="AH46" s="92">
        <v>3.8494897526951254E-2</v>
      </c>
      <c r="AI46" s="90">
        <v>98</v>
      </c>
      <c r="AJ46" s="99">
        <v>5.3774918865740835</v>
      </c>
      <c r="AK46" s="100">
        <v>0.30966398469637652</v>
      </c>
      <c r="AL46" s="91">
        <v>6.9510960451594675E-2</v>
      </c>
      <c r="AM46" s="92">
        <v>5.5635069078317445E-2</v>
      </c>
      <c r="AN46" s="91">
        <v>0.12675495590806152</v>
      </c>
      <c r="AO46" s="92">
        <v>6.8998526310454E-2</v>
      </c>
      <c r="AP46" s="91">
        <v>0.74659591268865089</v>
      </c>
      <c r="AQ46" s="92">
        <v>8.7192892919738224E-2</v>
      </c>
      <c r="AR46" s="91">
        <v>5.7138170951692262E-2</v>
      </c>
      <c r="AS46" s="92">
        <v>5.2000852764731612E-2</v>
      </c>
      <c r="AT46" s="98">
        <v>97</v>
      </c>
      <c r="AU46" s="99">
        <v>5.4009496867314679</v>
      </c>
      <c r="AV46" s="100">
        <v>0.30241353184788267</v>
      </c>
      <c r="AW46" s="91">
        <v>6.6549293414428778E-2</v>
      </c>
      <c r="AX46" s="92">
        <v>5.5117281483207173E-2</v>
      </c>
      <c r="AY46" s="91">
        <v>0.14346529695583302</v>
      </c>
      <c r="AZ46" s="92">
        <v>7.2508735887450521E-2</v>
      </c>
      <c r="BA46" s="91">
        <v>0.76818415152114938</v>
      </c>
      <c r="BB46" s="92">
        <v>8.5286077136942612E-2</v>
      </c>
      <c r="BC46" s="91">
        <v>2.1801258108588076E-2</v>
      </c>
      <c r="BD46" s="92">
        <v>3.934115273398376E-2</v>
      </c>
    </row>
    <row r="47" spans="1:56">
      <c r="A47" s="40" t="s">
        <v>538</v>
      </c>
      <c r="B47" s="94">
        <v>126</v>
      </c>
      <c r="C47" s="95">
        <v>5.673975889775198</v>
      </c>
      <c r="D47" s="96">
        <v>0.24034214295252584</v>
      </c>
      <c r="E47" s="88">
        <v>8.6034090911737041E-2</v>
      </c>
      <c r="F47" s="89">
        <v>5.2334925416266796E-2</v>
      </c>
      <c r="G47" s="88">
        <v>0.138082225010628</v>
      </c>
      <c r="H47" s="89">
        <v>6.2499747274554027E-2</v>
      </c>
      <c r="I47" s="88">
        <v>0.77588368407763597</v>
      </c>
      <c r="J47" s="89">
        <v>7.4110092297346261E-2</v>
      </c>
      <c r="K47" s="88">
        <v>0</v>
      </c>
      <c r="L47" s="89">
        <v>2.158912047524995E-2</v>
      </c>
      <c r="M47" s="87">
        <v>124</v>
      </c>
      <c r="N47" s="95">
        <v>4.8296342407851069</v>
      </c>
      <c r="O47" s="96">
        <v>0.25657043272733043</v>
      </c>
      <c r="P47" s="88">
        <v>0.15657046348412709</v>
      </c>
      <c r="Q47" s="89">
        <v>6.5981167843634073E-2</v>
      </c>
      <c r="R47" s="88">
        <v>0.23212531048512197</v>
      </c>
      <c r="S47" s="89">
        <v>7.5551695619073544E-2</v>
      </c>
      <c r="T47" s="88">
        <v>0.58586508783092273</v>
      </c>
      <c r="U47" s="89">
        <v>8.7156609673075508E-2</v>
      </c>
      <c r="V47" s="88">
        <v>2.5439138199828994E-2</v>
      </c>
      <c r="W47" s="89">
        <v>3.4752499672114322E-2</v>
      </c>
      <c r="X47" s="94">
        <v>126</v>
      </c>
      <c r="Y47" s="95">
        <v>5.4000319701382553</v>
      </c>
      <c r="Z47" s="96">
        <v>0.25423317769711978</v>
      </c>
      <c r="AA47" s="88">
        <v>0.1213903971372081</v>
      </c>
      <c r="AB47" s="89">
        <v>5.9572916449936876E-2</v>
      </c>
      <c r="AC47" s="88">
        <v>0.15175326242691539</v>
      </c>
      <c r="AD47" s="89">
        <v>6.4705847555544038E-2</v>
      </c>
      <c r="AE47" s="88">
        <v>0.72685634043587755</v>
      </c>
      <c r="AF47" s="89">
        <v>7.8770256141220005E-2</v>
      </c>
      <c r="AG47" s="88">
        <v>0</v>
      </c>
      <c r="AH47" s="89">
        <v>2.158912047524995E-2</v>
      </c>
      <c r="AI47" s="87">
        <v>125</v>
      </c>
      <c r="AJ47" s="95">
        <v>5.2095000151680626</v>
      </c>
      <c r="AK47" s="96">
        <v>0.255472378591653</v>
      </c>
      <c r="AL47" s="88">
        <v>0.14270373044935858</v>
      </c>
      <c r="AM47" s="89">
        <v>6.352282638704515E-2</v>
      </c>
      <c r="AN47" s="88">
        <v>0.10698769745125811</v>
      </c>
      <c r="AO47" s="89">
        <v>5.7052037517652351E-2</v>
      </c>
      <c r="AP47" s="88">
        <v>0.74363561268735268</v>
      </c>
      <c r="AQ47" s="89">
        <v>7.7612784045276662E-2</v>
      </c>
      <c r="AR47" s="88">
        <v>6.6729594120315174E-3</v>
      </c>
      <c r="AS47" s="89">
        <v>2.5812228603742729E-2</v>
      </c>
      <c r="AT47" s="94">
        <v>124</v>
      </c>
      <c r="AU47" s="95">
        <v>5.354548161071218</v>
      </c>
      <c r="AV47" s="96">
        <v>0.2521108587762515</v>
      </c>
      <c r="AW47" s="88">
        <v>0.12556832751123964</v>
      </c>
      <c r="AX47" s="89">
        <v>6.0834419690601889E-2</v>
      </c>
      <c r="AY47" s="88">
        <v>0.10108380299607403</v>
      </c>
      <c r="AZ47" s="89">
        <v>5.608485385066702E-2</v>
      </c>
      <c r="BA47" s="88">
        <v>0.7733478694926873</v>
      </c>
      <c r="BB47" s="89">
        <v>7.4974561419968208E-2</v>
      </c>
      <c r="BC47" s="88">
        <v>0</v>
      </c>
      <c r="BD47" s="89">
        <v>2.1923773750628563E-2</v>
      </c>
    </row>
    <row r="48" spans="1:56">
      <c r="A48" s="44" t="s">
        <v>539</v>
      </c>
      <c r="B48" s="98">
        <v>97</v>
      </c>
      <c r="C48" s="99">
        <v>5.6303116050135129</v>
      </c>
      <c r="D48" s="100">
        <v>0.27215914291423449</v>
      </c>
      <c r="E48" s="91">
        <v>8.2921704436774893E-2</v>
      </c>
      <c r="F48" s="92">
        <v>5.9553258102913439E-2</v>
      </c>
      <c r="G48" s="91">
        <v>0.14546434000006475</v>
      </c>
      <c r="H48" s="92">
        <v>7.2865914444876848E-2</v>
      </c>
      <c r="I48" s="91">
        <v>0.77161395556316026</v>
      </c>
      <c r="J48" s="92">
        <v>8.4888661536466847E-2</v>
      </c>
      <c r="K48" s="91">
        <v>0</v>
      </c>
      <c r="L48" s="92">
        <v>2.7725572981612018E-2</v>
      </c>
      <c r="M48" s="90">
        <v>96</v>
      </c>
      <c r="N48" s="99">
        <v>4.7924621592874423</v>
      </c>
      <c r="O48" s="100">
        <v>0.29613173815725291</v>
      </c>
      <c r="P48" s="91">
        <v>0.16349783281848343</v>
      </c>
      <c r="Q48" s="92">
        <v>7.6326617697875937E-2</v>
      </c>
      <c r="R48" s="91">
        <v>0.22382632292875038</v>
      </c>
      <c r="S48" s="92">
        <v>8.4783917589518892E-2</v>
      </c>
      <c r="T48" s="91">
        <v>0.58249924040727219</v>
      </c>
      <c r="U48" s="92">
        <v>9.8737525896930758E-2</v>
      </c>
      <c r="V48" s="91">
        <v>3.0176603845493605E-2</v>
      </c>
      <c r="W48" s="92">
        <v>4.3160872963395651E-2</v>
      </c>
      <c r="X48" s="98">
        <v>97</v>
      </c>
      <c r="Y48" s="99">
        <v>5.3360630277710834</v>
      </c>
      <c r="Z48" s="100">
        <v>0.29560539942018238</v>
      </c>
      <c r="AA48" s="91">
        <v>0.12481570987891151</v>
      </c>
      <c r="AB48" s="92">
        <v>6.8985729467263293E-2</v>
      </c>
      <c r="AC48" s="91">
        <v>0.17282393291389359</v>
      </c>
      <c r="AD48" s="92">
        <v>7.7399995392459703E-2</v>
      </c>
      <c r="AE48" s="91">
        <v>0.7023603572071947</v>
      </c>
      <c r="AF48" s="92">
        <v>9.1679510435013795E-2</v>
      </c>
      <c r="AG48" s="91">
        <v>0</v>
      </c>
      <c r="AH48" s="92">
        <v>2.7725572981612018E-2</v>
      </c>
      <c r="AI48" s="90">
        <v>97</v>
      </c>
      <c r="AJ48" s="99">
        <v>5.1156368519271158</v>
      </c>
      <c r="AK48" s="100">
        <v>0.28761300748261082</v>
      </c>
      <c r="AL48" s="91">
        <v>0.14907258931460987</v>
      </c>
      <c r="AM48" s="92">
        <v>7.3501196605051056E-2</v>
      </c>
      <c r="AN48" s="91">
        <v>0.11519389660681874</v>
      </c>
      <c r="AO48" s="92">
        <v>6.7021728753535237E-2</v>
      </c>
      <c r="AP48" s="91">
        <v>0.73573351407857113</v>
      </c>
      <c r="AQ48" s="92">
        <v>8.8718970457397253E-2</v>
      </c>
      <c r="AR48" s="91">
        <v>0</v>
      </c>
      <c r="AS48" s="92">
        <v>2.7725572981612018E-2</v>
      </c>
      <c r="AT48" s="98">
        <v>95</v>
      </c>
      <c r="AU48" s="99">
        <v>5.3184900032176889</v>
      </c>
      <c r="AV48" s="100">
        <v>0.28928074197031917</v>
      </c>
      <c r="AW48" s="91">
        <v>0.12984233500039025</v>
      </c>
      <c r="AX48" s="92">
        <v>7.0734010637496653E-2</v>
      </c>
      <c r="AY48" s="91">
        <v>0.10197210442822571</v>
      </c>
      <c r="AZ48" s="92">
        <v>6.4859532242211831E-2</v>
      </c>
      <c r="BA48" s="91">
        <v>0.76818556057138365</v>
      </c>
      <c r="BB48" s="92">
        <v>8.6168988434981608E-2</v>
      </c>
      <c r="BC48" s="91">
        <v>0</v>
      </c>
      <c r="BD48" s="92">
        <v>2.8279912978147775E-2</v>
      </c>
    </row>
    <row r="49" spans="1:56">
      <c r="A49" s="40" t="s">
        <v>540</v>
      </c>
      <c r="B49" s="78">
        <v>262</v>
      </c>
      <c r="C49" s="79">
        <v>5.9057414567671946</v>
      </c>
      <c r="D49" s="80">
        <v>0.15740399208183176</v>
      </c>
      <c r="E49" s="93">
        <v>6.8791217304052188E-2</v>
      </c>
      <c r="F49" s="89">
        <v>3.2353579942200339E-2</v>
      </c>
      <c r="G49" s="93">
        <v>4.6765796264479222E-2</v>
      </c>
      <c r="H49" s="89">
        <v>2.7614529063869877E-2</v>
      </c>
      <c r="I49" s="93">
        <v>0.88444298643146657</v>
      </c>
      <c r="J49" s="89">
        <v>4.0040425794005741E-2</v>
      </c>
      <c r="K49" s="93">
        <v>0</v>
      </c>
      <c r="L49" s="89">
        <v>1.0593134877378448E-2</v>
      </c>
      <c r="M49" s="78">
        <v>260</v>
      </c>
      <c r="N49" s="79">
        <v>4.9491462628413743</v>
      </c>
      <c r="O49" s="80">
        <v>0.16828205801186408</v>
      </c>
      <c r="P49" s="93">
        <v>0.15291515492786725</v>
      </c>
      <c r="Q49" s="89">
        <v>4.4916588825030787E-2</v>
      </c>
      <c r="R49" s="93">
        <v>0.12189025328533594</v>
      </c>
      <c r="S49" s="89">
        <v>4.1071359091114854E-2</v>
      </c>
      <c r="T49" s="93">
        <v>0.6757847758049883</v>
      </c>
      <c r="U49" s="89">
        <v>5.7738830903513595E-2</v>
      </c>
      <c r="V49" s="93">
        <v>4.9409815981806861E-2</v>
      </c>
      <c r="W49" s="89">
        <v>2.8357657980061644E-2</v>
      </c>
      <c r="X49" s="78">
        <v>262</v>
      </c>
      <c r="Y49" s="79">
        <v>5.7618890936048164</v>
      </c>
      <c r="Z49" s="80">
        <v>0.16275048364974914</v>
      </c>
      <c r="AA49" s="93">
        <v>8.604700530413377E-2</v>
      </c>
      <c r="AB49" s="89">
        <v>3.548965025081257E-2</v>
      </c>
      <c r="AC49" s="93">
        <v>6.0849417281727707E-2</v>
      </c>
      <c r="AD49" s="89">
        <v>3.0755708123910194E-2</v>
      </c>
      <c r="AE49" s="93">
        <v>0.85273462460232796</v>
      </c>
      <c r="AF49" s="89">
        <v>4.4093570311566008E-2</v>
      </c>
      <c r="AG49" s="93">
        <v>3.689528118085559E-4</v>
      </c>
      <c r="AH49" s="89">
        <v>1.0844126325998807E-2</v>
      </c>
      <c r="AI49" s="78">
        <v>258</v>
      </c>
      <c r="AJ49" s="79">
        <v>5.2785545217749981</v>
      </c>
      <c r="AK49" s="80">
        <v>0.18173474002879395</v>
      </c>
      <c r="AL49" s="93">
        <v>0.13251542205658678</v>
      </c>
      <c r="AM49" s="89">
        <v>4.2632302676389067E-2</v>
      </c>
      <c r="AN49" s="93">
        <v>5.8429356478007267E-2</v>
      </c>
      <c r="AO49" s="89">
        <v>3.0498065943750017E-2</v>
      </c>
      <c r="AP49" s="93">
        <v>0.78772325083897177</v>
      </c>
      <c r="AQ49" s="89">
        <v>5.0903862550903407E-2</v>
      </c>
      <c r="AR49" s="93">
        <v>2.1331970626433678E-2</v>
      </c>
      <c r="AS49" s="89">
        <v>2.0608912611243507E-2</v>
      </c>
      <c r="AT49" s="78">
        <v>262</v>
      </c>
      <c r="AU49" s="79">
        <v>5.579763350184245</v>
      </c>
      <c r="AV49" s="80">
        <v>0.15866764344970474</v>
      </c>
      <c r="AW49" s="93">
        <v>7.3784285203562533E-2</v>
      </c>
      <c r="AX49" s="89">
        <v>3.3304821291057003E-2</v>
      </c>
      <c r="AY49" s="93">
        <v>9.4391457556619998E-2</v>
      </c>
      <c r="AZ49" s="89">
        <v>3.6868477150036737E-2</v>
      </c>
      <c r="BA49" s="93">
        <v>0.82509078625970456</v>
      </c>
      <c r="BB49" s="89">
        <v>4.7091424308933878E-2</v>
      </c>
      <c r="BC49" s="93">
        <v>6.7334709801109005E-3</v>
      </c>
      <c r="BD49" s="89">
        <v>1.4483987325116632E-2</v>
      </c>
    </row>
    <row r="50" spans="1:56" ht="25.5">
      <c r="A50" s="44" t="s">
        <v>541</v>
      </c>
      <c r="B50" s="98">
        <v>114</v>
      </c>
      <c r="C50" s="99">
        <v>6.1993188891994819</v>
      </c>
      <c r="D50" s="100">
        <v>0.19583657050326683</v>
      </c>
      <c r="E50" s="91">
        <v>3.4416981144341476E-2</v>
      </c>
      <c r="F50" s="92">
        <v>4.0202652303501667E-2</v>
      </c>
      <c r="G50" s="91">
        <v>4.9051255175762976E-2</v>
      </c>
      <c r="H50" s="92">
        <v>4.5173233289739601E-2</v>
      </c>
      <c r="I50" s="91">
        <v>0.91653176367989631</v>
      </c>
      <c r="J50" s="92">
        <v>5.4637339857388764E-2</v>
      </c>
      <c r="K50" s="91">
        <v>0</v>
      </c>
      <c r="L50" s="92">
        <v>2.3765720057393202E-2</v>
      </c>
      <c r="M50" s="90">
        <v>114</v>
      </c>
      <c r="N50" s="99">
        <v>5.2272103890090351</v>
      </c>
      <c r="O50" s="100">
        <v>0.23935542587946171</v>
      </c>
      <c r="P50" s="91">
        <v>0.10896230034524482</v>
      </c>
      <c r="Q50" s="92">
        <v>6.0304487603407349E-2</v>
      </c>
      <c r="R50" s="91">
        <v>7.8877644246496861E-2</v>
      </c>
      <c r="S50" s="92">
        <v>5.3512393928330411E-2</v>
      </c>
      <c r="T50" s="91">
        <v>0.75456883558424837</v>
      </c>
      <c r="U50" s="92">
        <v>8.0151090295430716E-2</v>
      </c>
      <c r="V50" s="91">
        <v>5.7591219824010817E-2</v>
      </c>
      <c r="W50" s="92">
        <v>4.7770316062952123E-2</v>
      </c>
      <c r="X50" s="98">
        <v>114</v>
      </c>
      <c r="Y50" s="99">
        <v>6.0542890174980277</v>
      </c>
      <c r="Z50" s="100">
        <v>0.19069311801978397</v>
      </c>
      <c r="AA50" s="91">
        <v>5.937671882918219E-2</v>
      </c>
      <c r="AB50" s="92">
        <v>4.8289615062673666E-2</v>
      </c>
      <c r="AC50" s="91">
        <v>3.6891233899837915E-2</v>
      </c>
      <c r="AD50" s="92">
        <v>4.1096886465115494E-2</v>
      </c>
      <c r="AE50" s="91">
        <v>0.90373204727098055</v>
      </c>
      <c r="AF50" s="92">
        <v>5.7597066203322091E-2</v>
      </c>
      <c r="AG50" s="91">
        <v>0</v>
      </c>
      <c r="AH50" s="92">
        <v>2.3765720057393202E-2</v>
      </c>
      <c r="AI50" s="90">
        <v>113</v>
      </c>
      <c r="AJ50" s="99">
        <v>5.3416409374269307</v>
      </c>
      <c r="AK50" s="100">
        <v>0.24878224667928928</v>
      </c>
      <c r="AL50" s="91">
        <v>0.11104168996579654</v>
      </c>
      <c r="AM50" s="92">
        <v>6.1011172045735022E-2</v>
      </c>
      <c r="AN50" s="91">
        <v>8.3175312854714606E-2</v>
      </c>
      <c r="AO50" s="92">
        <v>5.4829637234589786E-2</v>
      </c>
      <c r="AP50" s="91">
        <v>0.78278514802446852</v>
      </c>
      <c r="AQ50" s="92">
        <v>7.7439130001595038E-2</v>
      </c>
      <c r="AR50" s="91">
        <v>2.2997849155021215E-2</v>
      </c>
      <c r="AS50" s="92">
        <v>3.5929981112686249E-2</v>
      </c>
      <c r="AT50" s="98">
        <v>114</v>
      </c>
      <c r="AU50" s="99">
        <v>5.9074997004660545</v>
      </c>
      <c r="AV50" s="100">
        <v>0.19473144585649332</v>
      </c>
      <c r="AW50" s="91">
        <v>2.2829861804506808E-2</v>
      </c>
      <c r="AX50" s="92">
        <v>3.5645962180588228E-2</v>
      </c>
      <c r="AY50" s="91">
        <v>7.1503574325480129E-2</v>
      </c>
      <c r="AZ50" s="92">
        <v>5.1627055458449519E-2</v>
      </c>
      <c r="BA50" s="91">
        <v>0.90566656387001387</v>
      </c>
      <c r="BB50" s="92">
        <v>5.7165389356985147E-2</v>
      </c>
      <c r="BC50" s="91">
        <v>0</v>
      </c>
      <c r="BD50" s="92">
        <v>2.3765720057393202E-2</v>
      </c>
    </row>
    <row r="51" spans="1:56" ht="25.5">
      <c r="A51" s="52" t="s">
        <v>549</v>
      </c>
      <c r="B51" s="94">
        <v>67</v>
      </c>
      <c r="C51" s="95">
        <v>5.7279936253036432</v>
      </c>
      <c r="D51" s="96">
        <v>0.35373086619039712</v>
      </c>
      <c r="E51" s="88">
        <v>0.14703064498720628</v>
      </c>
      <c r="F51" s="89">
        <v>8.851043081943076E-2</v>
      </c>
      <c r="G51" s="88">
        <v>7.4953584367875191E-3</v>
      </c>
      <c r="H51" s="89">
        <v>4.376640507123554E-2</v>
      </c>
      <c r="I51" s="88">
        <v>0.84547399657600653</v>
      </c>
      <c r="J51" s="89">
        <v>8.9981857703206145E-2</v>
      </c>
      <c r="K51" s="88">
        <v>0</v>
      </c>
      <c r="L51" s="89">
        <v>3.9271909274046654E-2</v>
      </c>
      <c r="M51" s="87">
        <v>66</v>
      </c>
      <c r="N51" s="95">
        <v>4.7166682389656351</v>
      </c>
      <c r="O51" s="96">
        <v>0.35825542109724201</v>
      </c>
      <c r="P51" s="88">
        <v>0.17928783899389633</v>
      </c>
      <c r="Q51" s="89">
        <v>9.5187891518337384E-2</v>
      </c>
      <c r="R51" s="88">
        <v>0.19306127052771516</v>
      </c>
      <c r="S51" s="89">
        <v>9.746735793994836E-2</v>
      </c>
      <c r="T51" s="88">
        <v>0.60101356745497891</v>
      </c>
      <c r="U51" s="89">
        <v>0.11733446276339025</v>
      </c>
      <c r="V51" s="88">
        <v>2.6637323023409674E-2</v>
      </c>
      <c r="W51" s="89">
        <v>5.3880484570431646E-2</v>
      </c>
      <c r="X51" s="94">
        <v>68</v>
      </c>
      <c r="Y51" s="95">
        <v>5.5077509158086952</v>
      </c>
      <c r="Z51" s="96">
        <v>0.38152702720615639</v>
      </c>
      <c r="AA51" s="88">
        <v>0.14907956993127777</v>
      </c>
      <c r="AB51" s="89">
        <v>8.8241325790636288E-2</v>
      </c>
      <c r="AC51" s="88">
        <v>3.3483500971695078E-2</v>
      </c>
      <c r="AD51" s="89">
        <v>5.5713849984065679E-2</v>
      </c>
      <c r="AE51" s="88">
        <v>0.81743692909702748</v>
      </c>
      <c r="AF51" s="89">
        <v>9.4315968403776471E-2</v>
      </c>
      <c r="AG51" s="88">
        <v>0</v>
      </c>
      <c r="AH51" s="89">
        <v>3.8734260487688681E-2</v>
      </c>
      <c r="AI51" s="87">
        <v>67</v>
      </c>
      <c r="AJ51" s="95">
        <v>5.1217098984589624</v>
      </c>
      <c r="AK51" s="96">
        <v>0.37416411469062905</v>
      </c>
      <c r="AL51" s="88">
        <v>0.18586380295412749</v>
      </c>
      <c r="AM51" s="89">
        <v>9.5570720075212182E-2</v>
      </c>
      <c r="AN51" s="88">
        <v>3.3619587542910015E-2</v>
      </c>
      <c r="AO51" s="89">
        <v>5.6322604169531901E-2</v>
      </c>
      <c r="AP51" s="88">
        <v>0.73335569697983327</v>
      </c>
      <c r="AQ51" s="89">
        <v>0.10654841962621686</v>
      </c>
      <c r="AR51" s="88">
        <v>4.7160912523129365E-2</v>
      </c>
      <c r="AS51" s="89">
        <v>6.1617453476751016E-2</v>
      </c>
      <c r="AT51" s="94">
        <v>68</v>
      </c>
      <c r="AU51" s="95">
        <v>5.4717077412811879</v>
      </c>
      <c r="AV51" s="96">
        <v>0.34415724316889784</v>
      </c>
      <c r="AW51" s="88">
        <v>0.12517175844041045</v>
      </c>
      <c r="AX51" s="89">
        <v>8.3226881716324544E-2</v>
      </c>
      <c r="AY51" s="88">
        <v>4.7665712632419879E-2</v>
      </c>
      <c r="AZ51" s="89">
        <v>6.1235531484913543E-2</v>
      </c>
      <c r="BA51" s="88">
        <v>0.82716252892716979</v>
      </c>
      <c r="BB51" s="89">
        <v>9.2654416789088034E-2</v>
      </c>
      <c r="BC51" s="88">
        <v>0</v>
      </c>
      <c r="BD51" s="89">
        <v>3.8734260487688681E-2</v>
      </c>
    </row>
    <row r="52" spans="1:56">
      <c r="A52" s="44" t="s">
        <v>543</v>
      </c>
      <c r="B52" s="98">
        <v>81</v>
      </c>
      <c r="C52" s="99">
        <v>5.6224681392701292</v>
      </c>
      <c r="D52" s="100">
        <v>0.29867046751125187</v>
      </c>
      <c r="E52" s="91">
        <v>6.4390325381231336E-2</v>
      </c>
      <c r="F52" s="92">
        <v>6.0462281596857272E-2</v>
      </c>
      <c r="G52" s="91">
        <v>6.9345798999439129E-2</v>
      </c>
      <c r="H52" s="92">
        <v>6.19607428582193E-2</v>
      </c>
      <c r="I52" s="91">
        <v>0.86626387561932927</v>
      </c>
      <c r="J52" s="92">
        <v>7.7665801423976666E-2</v>
      </c>
      <c r="K52" s="91">
        <v>0</v>
      </c>
      <c r="L52" s="92">
        <v>3.2881805121991139E-2</v>
      </c>
      <c r="M52" s="90">
        <v>80</v>
      </c>
      <c r="N52" s="99">
        <v>4.7230021061674901</v>
      </c>
      <c r="O52" s="100">
        <v>0.30720751992798007</v>
      </c>
      <c r="P52" s="91">
        <v>0.19631378036889685</v>
      </c>
      <c r="Q52" s="92">
        <v>8.9002117712998971E-2</v>
      </c>
      <c r="R52" s="91">
        <v>0.13508975286079627</v>
      </c>
      <c r="S52" s="92">
        <v>7.8443312447925351E-2</v>
      </c>
      <c r="T52" s="91">
        <v>0.61573825685926242</v>
      </c>
      <c r="U52" s="92">
        <v>0.10642458273718589</v>
      </c>
      <c r="V52" s="91">
        <v>5.2858209911043959E-2</v>
      </c>
      <c r="W52" s="92">
        <v>5.7176565853509713E-2</v>
      </c>
      <c r="X52" s="98">
        <v>80</v>
      </c>
      <c r="Y52" s="99">
        <v>5.5280235225160625</v>
      </c>
      <c r="Z52" s="100">
        <v>0.31392660530208227</v>
      </c>
      <c r="AA52" s="91">
        <v>8.0959845819223816E-2</v>
      </c>
      <c r="AB52" s="92">
        <v>6.5730501526879537E-2</v>
      </c>
      <c r="AC52" s="91">
        <v>0.11190616812800708</v>
      </c>
      <c r="AD52" s="92">
        <v>7.3480189163177556E-2</v>
      </c>
      <c r="AE52" s="91">
        <v>0.80601352327248421</v>
      </c>
      <c r="AF52" s="92">
        <v>8.8657146139354201E-2</v>
      </c>
      <c r="AG52" s="91">
        <v>1.1204627802844946E-3</v>
      </c>
      <c r="AH52" s="92">
        <v>3.3987241610777437E-2</v>
      </c>
      <c r="AI52" s="90">
        <v>78</v>
      </c>
      <c r="AJ52" s="99">
        <v>5.2918777190558846</v>
      </c>
      <c r="AK52" s="100">
        <v>0.34772780452356861</v>
      </c>
      <c r="AL52" s="91">
        <v>0.12704079843538912</v>
      </c>
      <c r="AM52" s="92">
        <v>7.781812307950961E-2</v>
      </c>
      <c r="AN52" s="91">
        <v>4.0626813954611922E-2</v>
      </c>
      <c r="AO52" s="92">
        <v>5.3675546411215254E-2</v>
      </c>
      <c r="AP52" s="91">
        <v>0.83028119442143888</v>
      </c>
      <c r="AQ52" s="92">
        <v>8.5908988562743843E-2</v>
      </c>
      <c r="AR52" s="91">
        <v>2.051193188559561E-3</v>
      </c>
      <c r="AS52" s="92">
        <v>3.5370864850116708E-2</v>
      </c>
      <c r="AT52" s="98">
        <v>80</v>
      </c>
      <c r="AU52" s="99">
        <v>5.1929253409151235</v>
      </c>
      <c r="AV52" s="100">
        <v>0.31956050597728036</v>
      </c>
      <c r="AW52" s="91">
        <v>0.10978985226895904</v>
      </c>
      <c r="AX52" s="92">
        <v>7.2994487829875235E-2</v>
      </c>
      <c r="AY52" s="91">
        <v>0.15679923232174708</v>
      </c>
      <c r="AZ52" s="92">
        <v>8.2567124270913964E-2</v>
      </c>
      <c r="BA52" s="91">
        <v>0.71296222014564303</v>
      </c>
      <c r="BB52" s="92">
        <v>9.9729055857629215E-2</v>
      </c>
      <c r="BC52" s="91">
        <v>2.0448695263650146E-2</v>
      </c>
      <c r="BD52" s="92">
        <v>4.4406630881455682E-2</v>
      </c>
    </row>
    <row r="53" spans="1:56">
      <c r="A53" s="52" t="s">
        <v>544</v>
      </c>
      <c r="B53" s="94">
        <v>113</v>
      </c>
      <c r="C53" s="95">
        <v>5.6640305616312849</v>
      </c>
      <c r="D53" s="96">
        <v>0.25155093246025079</v>
      </c>
      <c r="E53" s="88">
        <v>8.1998042078700664E-2</v>
      </c>
      <c r="F53" s="89">
        <v>5.4543072339557887E-2</v>
      </c>
      <c r="G53" s="88">
        <v>0.11348359524773192</v>
      </c>
      <c r="H53" s="89">
        <v>6.1504079733927033E-2</v>
      </c>
      <c r="I53" s="88">
        <v>0.7938623590934708</v>
      </c>
      <c r="J53" s="89">
        <v>7.6112512641432414E-2</v>
      </c>
      <c r="K53" s="88">
        <v>1.0656003580096522E-2</v>
      </c>
      <c r="L53" s="89">
        <v>3.0176537889469345E-2</v>
      </c>
      <c r="M53" s="87">
        <v>112</v>
      </c>
      <c r="N53" s="95">
        <v>4.9049688152009523</v>
      </c>
      <c r="O53" s="96">
        <v>0.29429245964142842</v>
      </c>
      <c r="P53" s="88">
        <v>0.19830958644925559</v>
      </c>
      <c r="Q53" s="89">
        <v>7.5464472408521374E-2</v>
      </c>
      <c r="R53" s="88">
        <v>0.16391444372450231</v>
      </c>
      <c r="S53" s="89">
        <v>7.0638000647922083E-2</v>
      </c>
      <c r="T53" s="88">
        <v>0.63777596982624207</v>
      </c>
      <c r="U53" s="89">
        <v>8.9501363812281104E-2</v>
      </c>
      <c r="V53" s="88">
        <v>0</v>
      </c>
      <c r="W53" s="89">
        <v>2.4171880321350918E-2</v>
      </c>
      <c r="X53" s="94">
        <v>112</v>
      </c>
      <c r="Y53" s="95">
        <v>5.6247045386939138</v>
      </c>
      <c r="Z53" s="96">
        <v>0.26892180996255116</v>
      </c>
      <c r="AA53" s="88">
        <v>0.10353317081065196</v>
      </c>
      <c r="AB53" s="89">
        <v>5.973145646270174E-2</v>
      </c>
      <c r="AC53" s="88">
        <v>0.11559852630294078</v>
      </c>
      <c r="AD53" s="89">
        <v>6.2214994523976837E-2</v>
      </c>
      <c r="AE53" s="88">
        <v>0.76779758788814323</v>
      </c>
      <c r="AF53" s="89">
        <v>7.9469160718361589E-2</v>
      </c>
      <c r="AG53" s="88">
        <v>1.3070714998264036E-2</v>
      </c>
      <c r="AH53" s="89">
        <v>3.1606240099134285E-2</v>
      </c>
      <c r="AI53" s="87">
        <v>113</v>
      </c>
      <c r="AJ53" s="95">
        <v>5.2039812497276996</v>
      </c>
      <c r="AK53" s="96">
        <v>0.28272034363781995</v>
      </c>
      <c r="AL53" s="88">
        <v>0.12057111880001077</v>
      </c>
      <c r="AM53" s="89">
        <v>6.2895735490796925E-2</v>
      </c>
      <c r="AN53" s="88">
        <v>0.14482883554787734</v>
      </c>
      <c r="AO53" s="89">
        <v>6.7261806806320171E-2</v>
      </c>
      <c r="AP53" s="88">
        <v>0.69057638447277403</v>
      </c>
      <c r="AQ53" s="89">
        <v>8.5957963440415133E-2</v>
      </c>
      <c r="AR53" s="88">
        <v>4.4023661179337807E-2</v>
      </c>
      <c r="AS53" s="89">
        <v>4.3778359504744728E-2</v>
      </c>
      <c r="AT53" s="94">
        <v>112</v>
      </c>
      <c r="AU53" s="95">
        <v>5.2961828460984472</v>
      </c>
      <c r="AV53" s="96">
        <v>0.2728131723854752</v>
      </c>
      <c r="AW53" s="88">
        <v>0.12132868634952011</v>
      </c>
      <c r="AX53" s="89">
        <v>6.3334534739163298E-2</v>
      </c>
      <c r="AY53" s="88">
        <v>0.15153599680454721</v>
      </c>
      <c r="AZ53" s="89">
        <v>6.8682864705367247E-2</v>
      </c>
      <c r="BA53" s="88">
        <v>0.72713531684593269</v>
      </c>
      <c r="BB53" s="89">
        <v>8.344028752450082E-2</v>
      </c>
      <c r="BC53" s="88">
        <v>0</v>
      </c>
      <c r="BD53" s="89">
        <v>2.4171880321350918E-2</v>
      </c>
    </row>
    <row r="54" spans="1:56">
      <c r="A54" s="44" t="s">
        <v>545</v>
      </c>
      <c r="B54" s="98">
        <v>123</v>
      </c>
      <c r="C54" s="99">
        <v>5.7223781329034331</v>
      </c>
      <c r="D54" s="100">
        <v>0.25174406378625414</v>
      </c>
      <c r="E54" s="91">
        <v>6.0417676708807939E-2</v>
      </c>
      <c r="F54" s="92">
        <v>4.6532632656151145E-2</v>
      </c>
      <c r="G54" s="91">
        <v>0.14795582927644221</v>
      </c>
      <c r="H54" s="92">
        <v>6.4904264643317888E-2</v>
      </c>
      <c r="I54" s="91">
        <v>0.77172391714833111</v>
      </c>
      <c r="J54" s="92">
        <v>7.5450108249806566E-2</v>
      </c>
      <c r="K54" s="91">
        <v>1.9902576866419146E-2</v>
      </c>
      <c r="L54" s="92">
        <v>3.2626298312536044E-2</v>
      </c>
      <c r="M54" s="90">
        <v>122</v>
      </c>
      <c r="N54" s="99">
        <v>4.9877656251341458</v>
      </c>
      <c r="O54" s="100">
        <v>0.27811734666307186</v>
      </c>
      <c r="P54" s="91">
        <v>0.1213603992964731</v>
      </c>
      <c r="Q54" s="92">
        <v>6.0576671045125811E-2</v>
      </c>
      <c r="R54" s="91">
        <v>0.15667772603087993</v>
      </c>
      <c r="S54" s="92">
        <v>6.6546283351295477E-2</v>
      </c>
      <c r="T54" s="91">
        <v>0.63524886152417648</v>
      </c>
      <c r="U54" s="92">
        <v>8.5977243817728255E-2</v>
      </c>
      <c r="V54" s="91">
        <v>8.6713013148470977E-2</v>
      </c>
      <c r="W54" s="92">
        <v>5.3412607795289967E-2</v>
      </c>
      <c r="X54" s="98">
        <v>123</v>
      </c>
      <c r="Y54" s="99">
        <v>5.2698143676670837</v>
      </c>
      <c r="Z54" s="100">
        <v>0.27948771658368576</v>
      </c>
      <c r="AA54" s="91">
        <v>0.10990825962672983</v>
      </c>
      <c r="AB54" s="92">
        <v>5.8123704638347713E-2</v>
      </c>
      <c r="AC54" s="91">
        <v>0.12582866254729283</v>
      </c>
      <c r="AD54" s="92">
        <v>6.1137791283288806E-2</v>
      </c>
      <c r="AE54" s="91">
        <v>0.74505778068419559</v>
      </c>
      <c r="AF54" s="92">
        <v>7.810148801488942E-2</v>
      </c>
      <c r="AG54" s="91">
        <v>1.9205297141782096E-2</v>
      </c>
      <c r="AH54" s="92">
        <v>3.2321525573158802E-2</v>
      </c>
      <c r="AI54" s="90">
        <v>123</v>
      </c>
      <c r="AJ54" s="99">
        <v>4.9166239522173951</v>
      </c>
      <c r="AK54" s="100">
        <v>0.28258992434059543</v>
      </c>
      <c r="AL54" s="91">
        <v>0.13909409427096575</v>
      </c>
      <c r="AM54" s="92">
        <v>6.3450056960766832E-2</v>
      </c>
      <c r="AN54" s="91">
        <v>0.20744742840461786</v>
      </c>
      <c r="AO54" s="92">
        <v>7.3112877439771615E-2</v>
      </c>
      <c r="AP54" s="91">
        <v>0.59383505006307058</v>
      </c>
      <c r="AQ54" s="92">
        <v>8.7257586905106682E-2</v>
      </c>
      <c r="AR54" s="91">
        <v>5.9623427261346278E-2</v>
      </c>
      <c r="AS54" s="92">
        <v>4.6310235201803246E-2</v>
      </c>
      <c r="AT54" s="98">
        <v>123</v>
      </c>
      <c r="AU54" s="99">
        <v>5.4077826870750005</v>
      </c>
      <c r="AV54" s="100">
        <v>0.26236072557987289</v>
      </c>
      <c r="AW54" s="91">
        <v>8.830067826635965E-2</v>
      </c>
      <c r="AX54" s="92">
        <v>5.3540024635526491E-2</v>
      </c>
      <c r="AY54" s="91">
        <v>0.15275286317122391</v>
      </c>
      <c r="AZ54" s="92">
        <v>6.5663287242887475E-2</v>
      </c>
      <c r="BA54" s="91">
        <v>0.71656712112116139</v>
      </c>
      <c r="BB54" s="92">
        <v>8.0550579713747711E-2</v>
      </c>
      <c r="BC54" s="91">
        <v>4.2379337441255348E-2</v>
      </c>
      <c r="BD54" s="92">
        <v>4.107499910396608E-2</v>
      </c>
    </row>
    <row r="61" spans="1:56" ht="21" customHeight="1">
      <c r="A61" s="282" t="s">
        <v>33</v>
      </c>
      <c r="B61" s="282"/>
      <c r="C61" s="282"/>
      <c r="D61" s="282"/>
      <c r="E61" s="282"/>
      <c r="F61" s="282"/>
      <c r="G61" s="282"/>
      <c r="H61" s="282"/>
      <c r="I61" s="282"/>
      <c r="J61" s="282"/>
      <c r="K61" s="282"/>
      <c r="L61" s="282"/>
      <c r="M61" s="282"/>
      <c r="N61" s="282"/>
      <c r="O61" s="282"/>
      <c r="P61" s="282"/>
      <c r="Q61" s="282"/>
      <c r="R61" s="282"/>
      <c r="S61" s="282"/>
      <c r="T61" s="282"/>
      <c r="U61" s="282"/>
      <c r="V61" s="282"/>
      <c r="W61" s="282"/>
      <c r="X61" s="282"/>
      <c r="Y61" s="282"/>
      <c r="Z61" s="282"/>
      <c r="AA61" s="282"/>
      <c r="AB61" s="282"/>
      <c r="AC61" s="282"/>
      <c r="AD61" s="282"/>
      <c r="AE61" s="282"/>
      <c r="AF61" s="282"/>
      <c r="AG61" s="282"/>
      <c r="AH61" s="282"/>
      <c r="AI61" s="282"/>
      <c r="AJ61" s="282"/>
      <c r="AK61" s="282"/>
      <c r="AL61" s="282"/>
      <c r="AM61" s="282"/>
      <c r="AN61" s="282"/>
      <c r="AO61" s="282"/>
      <c r="AP61" s="282"/>
      <c r="AQ61" s="282"/>
      <c r="AR61" s="282"/>
      <c r="AS61" s="282"/>
    </row>
    <row r="62" spans="1:56" ht="73.5" customHeight="1">
      <c r="A62" s="361" t="s">
        <v>601</v>
      </c>
      <c r="B62" s="361"/>
      <c r="C62" s="361"/>
      <c r="D62" s="361"/>
      <c r="E62" s="361"/>
      <c r="F62" s="361"/>
      <c r="G62" s="361"/>
      <c r="H62" s="361"/>
      <c r="I62" s="361"/>
      <c r="J62" s="361"/>
      <c r="K62" s="361"/>
      <c r="L62" s="361"/>
      <c r="M62" s="361"/>
      <c r="N62" s="361"/>
      <c r="O62" s="361"/>
      <c r="P62" s="361"/>
      <c r="Q62" s="361"/>
      <c r="R62" s="361"/>
      <c r="S62" s="361"/>
      <c r="T62" s="361"/>
      <c r="U62" s="361"/>
      <c r="V62" s="361"/>
      <c r="W62" s="361"/>
      <c r="X62" s="361"/>
      <c r="Y62" s="361"/>
      <c r="Z62" s="361"/>
      <c r="AA62" s="361"/>
      <c r="AB62" s="361"/>
      <c r="AC62" s="361"/>
      <c r="AD62" s="361"/>
      <c r="AE62" s="361"/>
      <c r="AF62" s="361"/>
      <c r="AG62" s="361"/>
      <c r="AH62" s="361"/>
      <c r="AI62" s="361"/>
      <c r="AJ62" s="361"/>
      <c r="AK62" s="361"/>
      <c r="AL62" s="361"/>
      <c r="AM62" s="361"/>
      <c r="AN62" s="361"/>
      <c r="AO62" s="361"/>
      <c r="AP62" s="361"/>
      <c r="AQ62" s="361"/>
      <c r="AR62" s="361"/>
      <c r="AS62" s="361"/>
    </row>
    <row r="63" spans="1:56" ht="37.5" customHeight="1">
      <c r="A63" s="59"/>
      <c r="B63" s="367" t="s">
        <v>89</v>
      </c>
      <c r="C63" s="368"/>
      <c r="D63" s="368"/>
      <c r="E63" s="368"/>
      <c r="F63" s="368"/>
      <c r="G63" s="368"/>
      <c r="H63" s="368"/>
      <c r="I63" s="368"/>
      <c r="J63" s="368"/>
      <c r="K63" s="368"/>
      <c r="L63" s="369"/>
      <c r="M63" s="367" t="s">
        <v>90</v>
      </c>
      <c r="N63" s="368"/>
      <c r="O63" s="368"/>
      <c r="P63" s="368"/>
      <c r="Q63" s="368"/>
      <c r="R63" s="368"/>
      <c r="S63" s="368"/>
      <c r="T63" s="368"/>
      <c r="U63" s="368"/>
      <c r="V63" s="368"/>
      <c r="W63" s="369"/>
      <c r="X63" s="367" t="s">
        <v>91</v>
      </c>
      <c r="Y63" s="368"/>
      <c r="Z63" s="368"/>
      <c r="AA63" s="368"/>
      <c r="AB63" s="368"/>
      <c r="AC63" s="368"/>
      <c r="AD63" s="368"/>
      <c r="AE63" s="368"/>
      <c r="AF63" s="368"/>
      <c r="AG63" s="368"/>
      <c r="AH63" s="369"/>
      <c r="AI63" s="367" t="s">
        <v>528</v>
      </c>
      <c r="AJ63" s="368"/>
      <c r="AK63" s="368"/>
      <c r="AL63" s="368"/>
      <c r="AM63" s="368"/>
      <c r="AN63" s="368"/>
      <c r="AO63" s="368"/>
      <c r="AP63" s="368"/>
      <c r="AQ63" s="368"/>
      <c r="AR63" s="368"/>
      <c r="AS63" s="369"/>
    </row>
    <row r="64" spans="1:56" ht="72">
      <c r="A64" s="32" t="s">
        <v>71</v>
      </c>
      <c r="B64" s="33" t="s">
        <v>72</v>
      </c>
      <c r="C64" s="34" t="s">
        <v>584</v>
      </c>
      <c r="D64" s="35" t="s">
        <v>73</v>
      </c>
      <c r="E64" s="33" t="s">
        <v>162</v>
      </c>
      <c r="F64" s="84" t="s">
        <v>92</v>
      </c>
      <c r="G64" s="33" t="s">
        <v>163</v>
      </c>
      <c r="H64" s="84" t="s">
        <v>93</v>
      </c>
      <c r="I64" s="33" t="s">
        <v>164</v>
      </c>
      <c r="J64" s="84" t="s">
        <v>94</v>
      </c>
      <c r="K64" s="33" t="s">
        <v>301</v>
      </c>
      <c r="L64" s="84" t="s">
        <v>300</v>
      </c>
      <c r="M64" s="60" t="s">
        <v>72</v>
      </c>
      <c r="N64" s="61" t="s">
        <v>584</v>
      </c>
      <c r="O64" s="62" t="s">
        <v>73</v>
      </c>
      <c r="P64" s="60" t="s">
        <v>165</v>
      </c>
      <c r="Q64" s="83" t="s">
        <v>95</v>
      </c>
      <c r="R64" s="60" t="s">
        <v>166</v>
      </c>
      <c r="S64" s="83" t="s">
        <v>96</v>
      </c>
      <c r="T64" s="60" t="s">
        <v>167</v>
      </c>
      <c r="U64" s="83" t="s">
        <v>97</v>
      </c>
      <c r="V64" s="60" t="s">
        <v>301</v>
      </c>
      <c r="W64" s="83" t="s">
        <v>300</v>
      </c>
      <c r="X64" s="33" t="s">
        <v>72</v>
      </c>
      <c r="Y64" s="34" t="s">
        <v>584</v>
      </c>
      <c r="Z64" s="35" t="s">
        <v>73</v>
      </c>
      <c r="AA64" s="33" t="s">
        <v>168</v>
      </c>
      <c r="AB64" s="84" t="s">
        <v>98</v>
      </c>
      <c r="AC64" s="33" t="s">
        <v>169</v>
      </c>
      <c r="AD64" s="84" t="s">
        <v>99</v>
      </c>
      <c r="AE64" s="33" t="s">
        <v>170</v>
      </c>
      <c r="AF64" s="84" t="s">
        <v>100</v>
      </c>
      <c r="AG64" s="33" t="s">
        <v>301</v>
      </c>
      <c r="AH64" s="84" t="s">
        <v>300</v>
      </c>
      <c r="AI64" s="60" t="s">
        <v>72</v>
      </c>
      <c r="AJ64" s="61" t="s">
        <v>584</v>
      </c>
      <c r="AK64" s="62" t="s">
        <v>73</v>
      </c>
      <c r="AL64" s="60" t="s">
        <v>171</v>
      </c>
      <c r="AM64" s="83" t="s">
        <v>101</v>
      </c>
      <c r="AN64" s="60" t="s">
        <v>172</v>
      </c>
      <c r="AO64" s="83" t="s">
        <v>102</v>
      </c>
      <c r="AP64" s="60" t="s">
        <v>173</v>
      </c>
      <c r="AQ64" s="83" t="s">
        <v>103</v>
      </c>
      <c r="AR64" s="60" t="s">
        <v>301</v>
      </c>
      <c r="AS64" s="83" t="s">
        <v>300</v>
      </c>
    </row>
    <row r="65" spans="1:45" ht="93" customHeight="1">
      <c r="A65" s="36"/>
      <c r="B65" s="37" t="s">
        <v>74</v>
      </c>
      <c r="C65" s="38" t="s">
        <v>104</v>
      </c>
      <c r="D65" s="39" t="s">
        <v>76</v>
      </c>
      <c r="E65" s="37" t="s">
        <v>159</v>
      </c>
      <c r="F65" s="86" t="s">
        <v>88</v>
      </c>
      <c r="G65" s="37" t="s">
        <v>160</v>
      </c>
      <c r="H65" s="86" t="s">
        <v>88</v>
      </c>
      <c r="I65" s="37" t="s">
        <v>161</v>
      </c>
      <c r="J65" s="86" t="s">
        <v>88</v>
      </c>
      <c r="K65" s="37" t="s">
        <v>301</v>
      </c>
      <c r="L65" s="86" t="s">
        <v>88</v>
      </c>
      <c r="M65" s="63" t="s">
        <v>74</v>
      </c>
      <c r="N65" s="64" t="s">
        <v>104</v>
      </c>
      <c r="O65" s="65" t="s">
        <v>76</v>
      </c>
      <c r="P65" s="63" t="s">
        <v>159</v>
      </c>
      <c r="Q65" s="85" t="s">
        <v>88</v>
      </c>
      <c r="R65" s="63" t="s">
        <v>160</v>
      </c>
      <c r="S65" s="85" t="s">
        <v>88</v>
      </c>
      <c r="T65" s="63" t="s">
        <v>161</v>
      </c>
      <c r="U65" s="85" t="s">
        <v>88</v>
      </c>
      <c r="V65" s="63" t="s">
        <v>301</v>
      </c>
      <c r="W65" s="85" t="s">
        <v>88</v>
      </c>
      <c r="X65" s="37" t="s">
        <v>74</v>
      </c>
      <c r="Y65" s="38" t="s">
        <v>104</v>
      </c>
      <c r="Z65" s="39" t="s">
        <v>76</v>
      </c>
      <c r="AA65" s="37" t="s">
        <v>159</v>
      </c>
      <c r="AB65" s="86" t="s">
        <v>88</v>
      </c>
      <c r="AC65" s="37" t="s">
        <v>160</v>
      </c>
      <c r="AD65" s="86" t="s">
        <v>88</v>
      </c>
      <c r="AE65" s="37" t="s">
        <v>161</v>
      </c>
      <c r="AF65" s="86" t="s">
        <v>88</v>
      </c>
      <c r="AG65" s="37" t="s">
        <v>301</v>
      </c>
      <c r="AH65" s="86" t="s">
        <v>88</v>
      </c>
      <c r="AI65" s="63" t="s">
        <v>74</v>
      </c>
      <c r="AJ65" s="64" t="s">
        <v>104</v>
      </c>
      <c r="AK65" s="65" t="s">
        <v>76</v>
      </c>
      <c r="AL65" s="63" t="s">
        <v>159</v>
      </c>
      <c r="AM65" s="85" t="s">
        <v>88</v>
      </c>
      <c r="AN65" s="63" t="s">
        <v>160</v>
      </c>
      <c r="AO65" s="85" t="s">
        <v>88</v>
      </c>
      <c r="AP65" s="63" t="s">
        <v>161</v>
      </c>
      <c r="AQ65" s="85" t="s">
        <v>88</v>
      </c>
      <c r="AR65" s="63" t="s">
        <v>301</v>
      </c>
      <c r="AS65" s="85" t="s">
        <v>88</v>
      </c>
    </row>
    <row r="66" spans="1:45">
      <c r="A66" s="40" t="s">
        <v>350</v>
      </c>
      <c r="B66" s="94">
        <v>9587</v>
      </c>
      <c r="C66" s="95">
        <v>4.7645673363610266</v>
      </c>
      <c r="D66" s="96">
        <v>3.2470281938239864E-2</v>
      </c>
      <c r="E66" s="97">
        <v>0.19260779367091921</v>
      </c>
      <c r="F66" s="89">
        <v>8.0554027415301651E-3</v>
      </c>
      <c r="G66" s="97">
        <v>0.1910011506598602</v>
      </c>
      <c r="H66" s="89">
        <v>8.0297470112099534E-3</v>
      </c>
      <c r="I66" s="97">
        <v>0.59332223383235894</v>
      </c>
      <c r="J66" s="89">
        <v>1.0031713314593604E-2</v>
      </c>
      <c r="K66" s="88">
        <v>2.3068821836876016E-2</v>
      </c>
      <c r="L66" s="89">
        <v>3.0786677539269953E-3</v>
      </c>
      <c r="M66" s="94">
        <v>9525</v>
      </c>
      <c r="N66" s="95">
        <v>4.8634041288784955</v>
      </c>
      <c r="O66" s="96">
        <v>2.8981977849818125E-2</v>
      </c>
      <c r="P66" s="97">
        <v>0.15211679045525403</v>
      </c>
      <c r="Q66" s="89">
        <v>7.3609502787117158E-3</v>
      </c>
      <c r="R66" s="97">
        <v>0.2139504044151809</v>
      </c>
      <c r="S66" s="89">
        <v>8.4038157902556615E-3</v>
      </c>
      <c r="T66" s="97">
        <v>0.61699650465571054</v>
      </c>
      <c r="U66" s="89">
        <v>9.9600062311628133E-3</v>
      </c>
      <c r="V66" s="88">
        <v>1.6936300473869743E-2</v>
      </c>
      <c r="W66" s="89">
        <v>2.6591698489265765E-3</v>
      </c>
      <c r="X66" s="94">
        <v>9532</v>
      </c>
      <c r="Y66" s="95">
        <v>4.5434250236800198</v>
      </c>
      <c r="Z66" s="96">
        <v>3.2096927325012257E-2</v>
      </c>
      <c r="AA66" s="97">
        <v>0.21102858220833592</v>
      </c>
      <c r="AB66" s="89">
        <v>8.3587142342470694E-3</v>
      </c>
      <c r="AC66" s="97">
        <v>0.22363503398901788</v>
      </c>
      <c r="AD66" s="89">
        <v>8.5355176633382865E-3</v>
      </c>
      <c r="AE66" s="97">
        <v>0.51770555079985736</v>
      </c>
      <c r="AF66" s="89">
        <v>1.0233981926751921E-2</v>
      </c>
      <c r="AG66" s="88">
        <v>4.7630833002804358E-2</v>
      </c>
      <c r="AH66" s="89">
        <v>4.3703247696647738E-3</v>
      </c>
      <c r="AI66" s="94">
        <v>9523</v>
      </c>
      <c r="AJ66" s="95">
        <v>5.0396573548051702</v>
      </c>
      <c r="AK66" s="96">
        <v>2.9709827966179159E-2</v>
      </c>
      <c r="AL66" s="97">
        <v>0.13259713198835449</v>
      </c>
      <c r="AM66" s="89">
        <v>6.9525361740756355E-3</v>
      </c>
      <c r="AN66" s="97">
        <v>0.18688087604825138</v>
      </c>
      <c r="AO66" s="89">
        <v>7.9896733487732109E-3</v>
      </c>
      <c r="AP66" s="97">
        <v>0.67007233551241685</v>
      </c>
      <c r="AQ66" s="89">
        <v>9.6348725483679353E-3</v>
      </c>
      <c r="AR66" s="88">
        <v>1.0449656450990847E-2</v>
      </c>
      <c r="AS66" s="89">
        <v>2.103810063985888E-3</v>
      </c>
    </row>
    <row r="67" spans="1:45">
      <c r="A67" s="44" t="s">
        <v>351</v>
      </c>
      <c r="B67" s="98">
        <v>7203</v>
      </c>
      <c r="C67" s="99">
        <v>4.7479309104914273</v>
      </c>
      <c r="D67" s="100">
        <v>3.7710878836364599E-2</v>
      </c>
      <c r="E67" s="101">
        <v>0.19515814002687937</v>
      </c>
      <c r="F67" s="92">
        <v>9.3399353216683054E-3</v>
      </c>
      <c r="G67" s="101">
        <v>0.19035355791910077</v>
      </c>
      <c r="H67" s="92">
        <v>9.2518972962617949E-3</v>
      </c>
      <c r="I67" s="101">
        <v>0.5939864969946318</v>
      </c>
      <c r="J67" s="92">
        <v>1.1569646394047898E-2</v>
      </c>
      <c r="K67" s="91">
        <v>2.0501805059392125E-2</v>
      </c>
      <c r="L67" s="92">
        <v>3.3596357772601505E-3</v>
      </c>
      <c r="M67" s="98">
        <v>7153</v>
      </c>
      <c r="N67" s="99">
        <v>4.942380447568687</v>
      </c>
      <c r="O67" s="100">
        <v>3.3352412965629775E-2</v>
      </c>
      <c r="P67" s="101">
        <v>0.14204428375844136</v>
      </c>
      <c r="Q67" s="92">
        <v>8.2577890463465947E-3</v>
      </c>
      <c r="R67" s="101">
        <v>0.20676950433505983</v>
      </c>
      <c r="S67" s="92">
        <v>9.5771128563941522E-3</v>
      </c>
      <c r="T67" s="101">
        <v>0.63794247605367704</v>
      </c>
      <c r="U67" s="92">
        <v>1.1362241746809646E-2</v>
      </c>
      <c r="V67" s="91">
        <v>1.3243735852824789E-2</v>
      </c>
      <c r="W67" s="92">
        <v>2.7297955825830856E-3</v>
      </c>
      <c r="X67" s="98">
        <v>7160</v>
      </c>
      <c r="Y67" s="99">
        <v>4.406807802240631</v>
      </c>
      <c r="Z67" s="100">
        <v>3.768881409209994E-2</v>
      </c>
      <c r="AA67" s="101">
        <v>0.24370743026260969</v>
      </c>
      <c r="AB67" s="92">
        <v>1.0146537980582904E-2</v>
      </c>
      <c r="AC67" s="101">
        <v>0.225137811468125</v>
      </c>
      <c r="AD67" s="92">
        <v>9.8717380005026983E-3</v>
      </c>
      <c r="AE67" s="101">
        <v>0.48723641608191742</v>
      </c>
      <c r="AF67" s="92">
        <v>1.1810840982307648E-2</v>
      </c>
      <c r="AG67" s="91">
        <v>4.3918342187352577E-2</v>
      </c>
      <c r="AH67" s="92">
        <v>4.8553470116026376E-3</v>
      </c>
      <c r="AI67" s="98">
        <v>7151</v>
      </c>
      <c r="AJ67" s="99">
        <v>5.1012093799995002</v>
      </c>
      <c r="AK67" s="100">
        <v>3.4352209260024504E-2</v>
      </c>
      <c r="AL67" s="101">
        <v>0.12875691863748154</v>
      </c>
      <c r="AM67" s="92">
        <v>7.924614397251872E-3</v>
      </c>
      <c r="AN67" s="101">
        <v>0.17678537881662404</v>
      </c>
      <c r="AO67" s="92">
        <v>9.0235837056217814E-3</v>
      </c>
      <c r="AP67" s="101">
        <v>0.68718981784452582</v>
      </c>
      <c r="AQ67" s="92">
        <v>1.0963356522155991E-2</v>
      </c>
      <c r="AR67" s="91">
        <v>7.2678847013721605E-3</v>
      </c>
      <c r="AS67" s="92">
        <v>2.0457990671446584E-3</v>
      </c>
    </row>
    <row r="68" spans="1:45">
      <c r="A68" s="40" t="s">
        <v>352</v>
      </c>
      <c r="B68" s="94">
        <v>2384</v>
      </c>
      <c r="C68" s="95">
        <v>4.7811048007923818</v>
      </c>
      <c r="D68" s="96">
        <v>6.3701856656381756E-2</v>
      </c>
      <c r="E68" s="97">
        <v>0.19008583215813676</v>
      </c>
      <c r="F68" s="89">
        <v>1.6075341035770102E-2</v>
      </c>
      <c r="G68" s="97">
        <v>0.19164153582335763</v>
      </c>
      <c r="H68" s="89">
        <v>1.612520802485078E-2</v>
      </c>
      <c r="I68" s="97">
        <v>0.5926653637857785</v>
      </c>
      <c r="J68" s="89">
        <v>2.0110326896807636E-2</v>
      </c>
      <c r="K68" s="88">
        <v>2.5607268232729699E-2</v>
      </c>
      <c r="L68" s="89">
        <v>6.5617586368503754E-3</v>
      </c>
      <c r="M68" s="94">
        <v>2372</v>
      </c>
      <c r="N68" s="95">
        <v>4.7849602358788701</v>
      </c>
      <c r="O68" s="96">
        <v>5.8225632643737299E-2</v>
      </c>
      <c r="P68" s="97">
        <v>0.1620470442860093</v>
      </c>
      <c r="Q68" s="89">
        <v>1.5140866549873639E-2</v>
      </c>
      <c r="R68" s="97">
        <v>0.22102988946049026</v>
      </c>
      <c r="S68" s="89">
        <v>1.7038157395403375E-2</v>
      </c>
      <c r="T68" s="97">
        <v>0.59634635082859999</v>
      </c>
      <c r="U68" s="89">
        <v>2.0132081077849626E-2</v>
      </c>
      <c r="V68" s="88">
        <v>2.0576715424902456E-2</v>
      </c>
      <c r="W68" s="89">
        <v>5.9354776152824619E-3</v>
      </c>
      <c r="X68" s="94">
        <v>2372</v>
      </c>
      <c r="Y68" s="95">
        <v>4.6795675511580068</v>
      </c>
      <c r="Z68" s="96">
        <v>6.0088393487999082E-2</v>
      </c>
      <c r="AA68" s="97">
        <v>0.17871477233453401</v>
      </c>
      <c r="AB68" s="89">
        <v>1.5737913760833624E-2</v>
      </c>
      <c r="AC68" s="97">
        <v>0.22214904324472934</v>
      </c>
      <c r="AD68" s="89">
        <v>1.706881317262236E-2</v>
      </c>
      <c r="AE68" s="97">
        <v>0.54783433087983369</v>
      </c>
      <c r="AF68" s="89">
        <v>2.0421467150458297E-2</v>
      </c>
      <c r="AG68" s="88">
        <v>5.1301853540904302E-2</v>
      </c>
      <c r="AH68" s="89">
        <v>9.1146163776364073E-3</v>
      </c>
      <c r="AI68" s="94">
        <v>2372</v>
      </c>
      <c r="AJ68" s="95">
        <v>4.9785221347237956</v>
      </c>
      <c r="AK68" s="96">
        <v>5.9095460341213164E-2</v>
      </c>
      <c r="AL68" s="97">
        <v>0.13638705150860969</v>
      </c>
      <c r="AM68" s="89">
        <v>1.4108192763953682E-2</v>
      </c>
      <c r="AN68" s="97">
        <v>0.19684415634780802</v>
      </c>
      <c r="AO68" s="89">
        <v>1.6330226114806935E-2</v>
      </c>
      <c r="AP68" s="97">
        <v>0.65317903441146385</v>
      </c>
      <c r="AQ68" s="89">
        <v>1.9532202524649853E-2</v>
      </c>
      <c r="AR68" s="88">
        <v>1.35897577321204E-2</v>
      </c>
      <c r="AS68" s="89">
        <v>4.8895238745895594E-3</v>
      </c>
    </row>
    <row r="69" spans="1:45">
      <c r="A69" s="44" t="s">
        <v>534</v>
      </c>
      <c r="B69" s="98">
        <v>1122</v>
      </c>
      <c r="C69" s="99">
        <v>4.8640840013830573</v>
      </c>
      <c r="D69" s="100">
        <v>9.0253043550841405E-2</v>
      </c>
      <c r="E69" s="101">
        <v>0.15697500427379341</v>
      </c>
      <c r="F69" s="92">
        <v>2.1750103518262075E-2</v>
      </c>
      <c r="G69" s="101">
        <v>0.2110921291036453</v>
      </c>
      <c r="H69" s="92">
        <v>2.4365789296268061E-2</v>
      </c>
      <c r="I69" s="101">
        <v>0.60014513026290917</v>
      </c>
      <c r="J69" s="92">
        <v>2.9201455026763797E-2</v>
      </c>
      <c r="K69" s="91">
        <v>3.178773635965234E-2</v>
      </c>
      <c r="L69" s="92">
        <v>1.0717102144477056E-2</v>
      </c>
      <c r="M69" s="98">
        <v>1117</v>
      </c>
      <c r="N69" s="99">
        <v>4.9046814480572705</v>
      </c>
      <c r="O69" s="100">
        <v>8.6442100597123192E-2</v>
      </c>
      <c r="P69" s="101">
        <v>0.13951721793169625</v>
      </c>
      <c r="Q69" s="92">
        <v>2.0776872487624363E-2</v>
      </c>
      <c r="R69" s="101">
        <v>0.22054725769907094</v>
      </c>
      <c r="S69" s="92">
        <v>2.4807015065457672E-2</v>
      </c>
      <c r="T69" s="101">
        <v>0.61146064847101667</v>
      </c>
      <c r="U69" s="92">
        <v>2.9121237586375848E-2</v>
      </c>
      <c r="V69" s="91">
        <v>2.8474875898216338E-2</v>
      </c>
      <c r="W69" s="92">
        <v>1.0215854754228931E-2</v>
      </c>
      <c r="X69" s="98">
        <v>1118</v>
      </c>
      <c r="Y69" s="99">
        <v>4.4080043603400787</v>
      </c>
      <c r="Z69" s="100">
        <v>9.1183726435670936E-2</v>
      </c>
      <c r="AA69" s="101">
        <v>0.23606100000526486</v>
      </c>
      <c r="AB69" s="92">
        <v>2.5390499608169189E-2</v>
      </c>
      <c r="AC69" s="101">
        <v>0.23453731294353594</v>
      </c>
      <c r="AD69" s="92">
        <v>2.5334210216250246E-2</v>
      </c>
      <c r="AE69" s="101">
        <v>0.48008219998978269</v>
      </c>
      <c r="AF69" s="92">
        <v>2.9830543682287332E-2</v>
      </c>
      <c r="AG69" s="91">
        <v>4.9319487061416908E-2</v>
      </c>
      <c r="AH69" s="92">
        <v>1.3126657675673522E-2</v>
      </c>
      <c r="AI69" s="98">
        <v>1119</v>
      </c>
      <c r="AJ69" s="99">
        <v>5.1291228154664124</v>
      </c>
      <c r="AK69" s="100">
        <v>8.4049116770263915E-2</v>
      </c>
      <c r="AL69" s="101">
        <v>0.1072010200608047</v>
      </c>
      <c r="AM69" s="92">
        <v>1.8569130407450483E-2</v>
      </c>
      <c r="AN69" s="101">
        <v>0.19050126319920235</v>
      </c>
      <c r="AO69" s="92">
        <v>2.3488440862959911E-2</v>
      </c>
      <c r="AP69" s="101">
        <v>0.68384965315701807</v>
      </c>
      <c r="AQ69" s="92">
        <v>2.7765694687747186E-2</v>
      </c>
      <c r="AR69" s="91">
        <v>1.8448063582975367E-2</v>
      </c>
      <c r="AS69" s="92">
        <v>8.3887595960389118E-3</v>
      </c>
    </row>
    <row r="70" spans="1:45">
      <c r="A70" s="40" t="s">
        <v>535</v>
      </c>
      <c r="B70" s="94">
        <v>623</v>
      </c>
      <c r="C70" s="95">
        <v>4.8552409319181971</v>
      </c>
      <c r="D70" s="96">
        <v>0.12075050524603924</v>
      </c>
      <c r="E70" s="97">
        <v>0.14987989780800143</v>
      </c>
      <c r="F70" s="89">
        <v>2.8684612488609318E-2</v>
      </c>
      <c r="G70" s="97">
        <v>0.21764264080245418</v>
      </c>
      <c r="H70" s="89">
        <v>3.3056745033390997E-2</v>
      </c>
      <c r="I70" s="97">
        <v>0.60817145994546673</v>
      </c>
      <c r="J70" s="89">
        <v>3.9002535795554759E-2</v>
      </c>
      <c r="K70" s="88">
        <v>2.4306001444077172E-2</v>
      </c>
      <c r="L70" s="89">
        <v>1.3025117748233291E-2</v>
      </c>
      <c r="M70" s="94">
        <v>621</v>
      </c>
      <c r="N70" s="95">
        <v>5.0861325543713942</v>
      </c>
      <c r="O70" s="96">
        <v>0.11721276476854335</v>
      </c>
      <c r="P70" s="97">
        <v>0.1151850377472497</v>
      </c>
      <c r="Q70" s="89">
        <v>2.5775254622515925E-2</v>
      </c>
      <c r="R70" s="97">
        <v>0.21318957627340893</v>
      </c>
      <c r="S70" s="89">
        <v>3.2867184097788174E-2</v>
      </c>
      <c r="T70" s="97">
        <v>0.65969145531226447</v>
      </c>
      <c r="U70" s="89">
        <v>3.793248840634849E-2</v>
      </c>
      <c r="V70" s="88">
        <v>1.1933930667076738E-2</v>
      </c>
      <c r="W70" s="89">
        <v>9.7425495120984813E-3</v>
      </c>
      <c r="X70" s="94">
        <v>623</v>
      </c>
      <c r="Y70" s="95">
        <v>4.4334948106925474</v>
      </c>
      <c r="Z70" s="96">
        <v>0.12482827460299009</v>
      </c>
      <c r="AA70" s="97">
        <v>0.2438887953385209</v>
      </c>
      <c r="AB70" s="89">
        <v>3.4376774632847384E-2</v>
      </c>
      <c r="AC70" s="97">
        <v>0.22600934280055493</v>
      </c>
      <c r="AD70" s="89">
        <v>3.3497259439092722E-2</v>
      </c>
      <c r="AE70" s="97">
        <v>0.48183551999313351</v>
      </c>
      <c r="AF70" s="89">
        <v>3.9910126155227384E-2</v>
      </c>
      <c r="AG70" s="88">
        <v>4.8266341867789719E-2</v>
      </c>
      <c r="AH70" s="89">
        <v>1.7595866441893683E-2</v>
      </c>
      <c r="AI70" s="94">
        <v>623</v>
      </c>
      <c r="AJ70" s="95">
        <v>5.2608752726667856</v>
      </c>
      <c r="AK70" s="96">
        <v>0.11129889363084317</v>
      </c>
      <c r="AL70" s="97">
        <v>9.9549225645260059E-2</v>
      </c>
      <c r="AM70" s="89">
        <v>2.4184131758085294E-2</v>
      </c>
      <c r="AN70" s="97">
        <v>0.18146135495820395</v>
      </c>
      <c r="AO70" s="89">
        <v>3.0916220080594619E-2</v>
      </c>
      <c r="AP70" s="97">
        <v>0.70336783418041648</v>
      </c>
      <c r="AQ70" s="89">
        <v>3.6529469925233121E-2</v>
      </c>
      <c r="AR70" s="88">
        <v>1.5621585216119416E-2</v>
      </c>
      <c r="AS70" s="89">
        <v>1.0823092515797579E-2</v>
      </c>
    </row>
    <row r="71" spans="1:45">
      <c r="A71" s="44" t="s">
        <v>536</v>
      </c>
      <c r="B71" s="98">
        <v>137</v>
      </c>
      <c r="C71" s="99">
        <v>4.848079053009088</v>
      </c>
      <c r="D71" s="100">
        <v>0.26481933370992872</v>
      </c>
      <c r="E71" s="101">
        <v>0.17592032023462445</v>
      </c>
      <c r="F71" s="92">
        <v>6.5416689717144802E-2</v>
      </c>
      <c r="G71" s="101">
        <v>0.1884526987736595</v>
      </c>
      <c r="H71" s="92">
        <v>6.7027508471007358E-2</v>
      </c>
      <c r="I71" s="101">
        <v>0.63562698099171566</v>
      </c>
      <c r="J71" s="92">
        <v>8.1237623236122061E-2</v>
      </c>
      <c r="K71" s="91">
        <v>0</v>
      </c>
      <c r="L71" s="92">
        <v>1.991699088628197E-2</v>
      </c>
      <c r="M71" s="98">
        <v>137</v>
      </c>
      <c r="N71" s="99">
        <v>5.0834512293455951</v>
      </c>
      <c r="O71" s="100">
        <v>0.25997279718174038</v>
      </c>
      <c r="P71" s="101">
        <v>0.13834121953653558</v>
      </c>
      <c r="Q71" s="92">
        <v>5.9909807645350741E-2</v>
      </c>
      <c r="R71" s="101">
        <v>0.16792577816784413</v>
      </c>
      <c r="S71" s="92">
        <v>6.4333926066518818E-2</v>
      </c>
      <c r="T71" s="101">
        <v>0.69373300229562018</v>
      </c>
      <c r="U71" s="92">
        <v>7.8019241182178178E-2</v>
      </c>
      <c r="V71" s="91">
        <v>0</v>
      </c>
      <c r="W71" s="92">
        <v>1.991699088628197E-2</v>
      </c>
      <c r="X71" s="98">
        <v>137</v>
      </c>
      <c r="Y71" s="99">
        <v>4.4277489503997032</v>
      </c>
      <c r="Z71" s="100">
        <v>0.25464010174459195</v>
      </c>
      <c r="AA71" s="101">
        <v>0.19278071423430426</v>
      </c>
      <c r="AB71" s="92">
        <v>6.7560417825250921E-2</v>
      </c>
      <c r="AC71" s="101">
        <v>0.24452354063328602</v>
      </c>
      <c r="AD71" s="92">
        <v>7.3103911875955524E-2</v>
      </c>
      <c r="AE71" s="101">
        <v>0.48514301341120458</v>
      </c>
      <c r="AF71" s="92">
        <v>8.4180086592398284E-2</v>
      </c>
      <c r="AG71" s="91">
        <v>7.7552731721204818E-2</v>
      </c>
      <c r="AH71" s="92">
        <v>4.8089800106154164E-2</v>
      </c>
      <c r="AI71" s="98">
        <v>138</v>
      </c>
      <c r="AJ71" s="99">
        <v>5.1276997640732667</v>
      </c>
      <c r="AK71" s="100">
        <v>0.24487657813231709</v>
      </c>
      <c r="AL71" s="101">
        <v>0.12922536810050672</v>
      </c>
      <c r="AM71" s="92">
        <v>5.817944367295419E-2</v>
      </c>
      <c r="AN71" s="101">
        <v>0.15243589452307646</v>
      </c>
      <c r="AO71" s="92">
        <v>6.1874251678426022E-2</v>
      </c>
      <c r="AP71" s="101">
        <v>0.71833873737641663</v>
      </c>
      <c r="AQ71" s="92">
        <v>7.5986674879126095E-2</v>
      </c>
      <c r="AR71" s="91">
        <v>0</v>
      </c>
      <c r="AS71" s="92">
        <v>1.9777732323927027E-2</v>
      </c>
    </row>
    <row r="72" spans="1:45">
      <c r="A72" s="40" t="s">
        <v>537</v>
      </c>
      <c r="B72" s="94">
        <v>55</v>
      </c>
      <c r="C72" s="95">
        <v>4.5349921074310231</v>
      </c>
      <c r="D72" s="96">
        <v>0.44191645413293351</v>
      </c>
      <c r="E72" s="97">
        <v>0.25299022094967732</v>
      </c>
      <c r="F72" s="89">
        <v>0.11556164635675772</v>
      </c>
      <c r="G72" s="97">
        <v>0.19437869752614773</v>
      </c>
      <c r="H72" s="89">
        <v>0.10698686697928957</v>
      </c>
      <c r="I72" s="97">
        <v>0.55263108152417506</v>
      </c>
      <c r="J72" s="89">
        <v>0.1295606224263105</v>
      </c>
      <c r="K72" s="88">
        <v>0</v>
      </c>
      <c r="L72" s="89">
        <v>4.7119904748779487E-2</v>
      </c>
      <c r="M72" s="94">
        <v>55</v>
      </c>
      <c r="N72" s="95">
        <v>4.928466893174055</v>
      </c>
      <c r="O72" s="96">
        <v>0.43602325669573294</v>
      </c>
      <c r="P72" s="97">
        <v>0.13689526112655351</v>
      </c>
      <c r="Q72" s="89">
        <v>9.5819828706980373E-2</v>
      </c>
      <c r="R72" s="97">
        <v>0.20323796932777508</v>
      </c>
      <c r="S72" s="89">
        <v>0.10844631193126479</v>
      </c>
      <c r="T72" s="97">
        <v>0.65986676954567125</v>
      </c>
      <c r="U72" s="89">
        <v>0.12427158681981812</v>
      </c>
      <c r="V72" s="88">
        <v>0</v>
      </c>
      <c r="W72" s="89">
        <v>4.7119904748779487E-2</v>
      </c>
      <c r="X72" s="94">
        <v>55</v>
      </c>
      <c r="Y72" s="95">
        <v>4.1231559866632921</v>
      </c>
      <c r="Z72" s="96">
        <v>0.42329258181017515</v>
      </c>
      <c r="AA72" s="97">
        <v>0.26921491240025813</v>
      </c>
      <c r="AB72" s="89">
        <v>0.1175211095804565</v>
      </c>
      <c r="AC72" s="97">
        <v>0.26815810389302164</v>
      </c>
      <c r="AD72" s="89">
        <v>0.11739849635059227</v>
      </c>
      <c r="AE72" s="97">
        <v>0.40957659030075516</v>
      </c>
      <c r="AF72" s="89">
        <v>0.12832551000118597</v>
      </c>
      <c r="AG72" s="88">
        <v>5.3050393405965346E-2</v>
      </c>
      <c r="AH72" s="89">
        <v>7.1971979231273006E-2</v>
      </c>
      <c r="AI72" s="94">
        <v>55</v>
      </c>
      <c r="AJ72" s="95">
        <v>4.9621424107130281</v>
      </c>
      <c r="AK72" s="96">
        <v>0.40399522979785102</v>
      </c>
      <c r="AL72" s="97">
        <v>0.17529003577345914</v>
      </c>
      <c r="AM72" s="89">
        <v>0.10362098322446212</v>
      </c>
      <c r="AN72" s="97">
        <v>0.12580979048229823</v>
      </c>
      <c r="AO72" s="89">
        <v>9.3273297587279549E-2</v>
      </c>
      <c r="AP72" s="97">
        <v>0.69890017374424263</v>
      </c>
      <c r="AQ72" s="89">
        <v>0.12090649796350693</v>
      </c>
      <c r="AR72" s="88">
        <v>0</v>
      </c>
      <c r="AS72" s="89">
        <v>4.7119904748779487E-2</v>
      </c>
    </row>
    <row r="73" spans="1:45">
      <c r="A73" s="44" t="s">
        <v>546</v>
      </c>
      <c r="B73" s="98">
        <v>505</v>
      </c>
      <c r="C73" s="99">
        <v>4.8669047266220664</v>
      </c>
      <c r="D73" s="100">
        <v>0.13446043195690965</v>
      </c>
      <c r="E73" s="101">
        <v>0.15906725129111746</v>
      </c>
      <c r="F73" s="92">
        <v>3.2641959686397708E-2</v>
      </c>
      <c r="G73" s="101">
        <v>0.21117712109678347</v>
      </c>
      <c r="H73" s="92">
        <v>3.6322858267795848E-2</v>
      </c>
      <c r="I73" s="101">
        <v>0.59459490755534405</v>
      </c>
      <c r="J73" s="92">
        <v>4.3536394050830395E-2</v>
      </c>
      <c r="K73" s="91">
        <v>3.5160720056756467E-2</v>
      </c>
      <c r="L73" s="92">
        <v>1.7122505363248729E-2</v>
      </c>
      <c r="M73" s="98">
        <v>502</v>
      </c>
      <c r="N73" s="99">
        <v>4.8158117414108661</v>
      </c>
      <c r="O73" s="100">
        <v>0.12620007691209165</v>
      </c>
      <c r="P73" s="101">
        <v>0.15017553595660357</v>
      </c>
      <c r="Q73" s="92">
        <v>3.2001730875861972E-2</v>
      </c>
      <c r="R73" s="101">
        <v>0.22605497471424438</v>
      </c>
      <c r="S73" s="92">
        <v>3.731459351584876E-2</v>
      </c>
      <c r="T73" s="101">
        <v>0.58746646203062336</v>
      </c>
      <c r="U73" s="92">
        <v>4.3780813618061104E-2</v>
      </c>
      <c r="V73" s="91">
        <v>3.6303027298530598E-2</v>
      </c>
      <c r="W73" s="92">
        <v>1.7416344544910714E-2</v>
      </c>
      <c r="X73" s="98">
        <v>501</v>
      </c>
      <c r="Y73" s="99">
        <v>4.3984252155640515</v>
      </c>
      <c r="Z73" s="100">
        <v>0.13195836465666719</v>
      </c>
      <c r="AA73" s="101">
        <v>0.23015188090236896</v>
      </c>
      <c r="AB73" s="92">
        <v>3.7583541445904221E-2</v>
      </c>
      <c r="AC73" s="101">
        <v>0.24166794301870081</v>
      </c>
      <c r="AD73" s="92">
        <v>3.8209174855658452E-2</v>
      </c>
      <c r="AE73" s="101">
        <v>0.47877668141345148</v>
      </c>
      <c r="AF73" s="92">
        <v>4.4459943302130399E-2</v>
      </c>
      <c r="AG73" s="91">
        <v>4.9403494665481412E-2</v>
      </c>
      <c r="AH73" s="92">
        <v>1.9933847447243969E-2</v>
      </c>
      <c r="AI73" s="98">
        <v>502</v>
      </c>
      <c r="AJ73" s="99">
        <v>5.053193577222153</v>
      </c>
      <c r="AK73" s="100">
        <v>0.1274595513563119</v>
      </c>
      <c r="AL73" s="101">
        <v>0.11116668140178915</v>
      </c>
      <c r="AM73" s="92">
        <v>2.8282814973415931E-2</v>
      </c>
      <c r="AN73" s="101">
        <v>0.19841023422611781</v>
      </c>
      <c r="AO73" s="92">
        <v>3.5617197831935572E-2</v>
      </c>
      <c r="AP73" s="101">
        <v>0.67075291284263017</v>
      </c>
      <c r="AQ73" s="92">
        <v>4.1826159520932313E-2</v>
      </c>
      <c r="AR73" s="91">
        <v>1.9670171529464101E-2</v>
      </c>
      <c r="AS73" s="92">
        <v>1.3459508495699104E-2</v>
      </c>
    </row>
    <row r="74" spans="1:45">
      <c r="A74" s="40" t="s">
        <v>547</v>
      </c>
      <c r="B74" s="94">
        <v>81</v>
      </c>
      <c r="C74" s="95">
        <v>4.852182856756678</v>
      </c>
      <c r="D74" s="96">
        <v>0.3738444686891339</v>
      </c>
      <c r="E74" s="97">
        <v>0.16143450084521882</v>
      </c>
      <c r="F74" s="89">
        <v>8.2862875824366494E-2</v>
      </c>
      <c r="G74" s="97">
        <v>0.24113421924263545</v>
      </c>
      <c r="H74" s="89">
        <v>9.434531626395079E-2</v>
      </c>
      <c r="I74" s="97">
        <v>0.57510603969389629</v>
      </c>
      <c r="J74" s="89">
        <v>0.10734825145213647</v>
      </c>
      <c r="K74" s="88">
        <v>2.2325240218249602E-2</v>
      </c>
      <c r="L74" s="89">
        <v>4.4877165333533996E-2</v>
      </c>
      <c r="M74" s="94">
        <v>81</v>
      </c>
      <c r="N74" s="95">
        <v>4.7516687358592034</v>
      </c>
      <c r="O74" s="96">
        <v>0.36246219182790035</v>
      </c>
      <c r="P74" s="97">
        <v>0.18026034707660948</v>
      </c>
      <c r="Q74" s="89">
        <v>8.5999213779678715E-2</v>
      </c>
      <c r="R74" s="97">
        <v>0.25876718357425682</v>
      </c>
      <c r="S74" s="89">
        <v>9.6321733220471259E-2</v>
      </c>
      <c r="T74" s="97">
        <v>0.53447319624464884</v>
      </c>
      <c r="U74" s="89">
        <v>0.10823086795034643</v>
      </c>
      <c r="V74" s="88">
        <v>2.6499273104484855E-2</v>
      </c>
      <c r="W74" s="89">
        <v>4.6729262717723437E-2</v>
      </c>
      <c r="X74" s="94">
        <v>80</v>
      </c>
      <c r="Y74" s="95">
        <v>4.4356395269609612</v>
      </c>
      <c r="Z74" s="96">
        <v>0.33139222812894381</v>
      </c>
      <c r="AA74" s="97">
        <v>0.22512370797757922</v>
      </c>
      <c r="AB74" s="89">
        <v>9.2958668629575456E-2</v>
      </c>
      <c r="AC74" s="97">
        <v>0.26045292208844889</v>
      </c>
      <c r="AD74" s="89">
        <v>9.7089086862418822E-2</v>
      </c>
      <c r="AE74" s="97">
        <v>0.4613305922530978</v>
      </c>
      <c r="AF74" s="89">
        <v>0.10881257321270277</v>
      </c>
      <c r="AG74" s="88">
        <v>5.3092777680874149E-2</v>
      </c>
      <c r="AH74" s="89">
        <v>5.725572173575938E-2</v>
      </c>
      <c r="AI74" s="94">
        <v>81</v>
      </c>
      <c r="AJ74" s="95">
        <v>4.8107160626568417</v>
      </c>
      <c r="AK74" s="96">
        <v>0.35402073439241777</v>
      </c>
      <c r="AL74" s="97">
        <v>0.17759455583987285</v>
      </c>
      <c r="AM74" s="89">
        <v>8.5572844409723764E-2</v>
      </c>
      <c r="AN74" s="97">
        <v>0.18708793328642551</v>
      </c>
      <c r="AO74" s="89">
        <v>8.7065799725413298E-2</v>
      </c>
      <c r="AP74" s="97">
        <v>0.62059199299553436</v>
      </c>
      <c r="AQ74" s="89">
        <v>0.10556159411176115</v>
      </c>
      <c r="AR74" s="88">
        <v>1.4725517878167367E-2</v>
      </c>
      <c r="AS74" s="89">
        <v>4.1245926971216026E-2</v>
      </c>
    </row>
    <row r="75" spans="1:45">
      <c r="A75" s="44" t="s">
        <v>548</v>
      </c>
      <c r="B75" s="98">
        <v>64</v>
      </c>
      <c r="C75" s="99">
        <v>5.2129476207388414</v>
      </c>
      <c r="D75" s="100">
        <v>0.34740294196354093</v>
      </c>
      <c r="E75" s="101">
        <v>0.13365757780421345</v>
      </c>
      <c r="F75" s="92">
        <v>8.7822641530436479E-2</v>
      </c>
      <c r="G75" s="101">
        <v>9.9813887066245319E-2</v>
      </c>
      <c r="H75" s="92">
        <v>7.9756237625821569E-2</v>
      </c>
      <c r="I75" s="101">
        <v>0.70275507127302306</v>
      </c>
      <c r="J75" s="92">
        <v>0.11208834724889859</v>
      </c>
      <c r="K75" s="91">
        <v>6.3773463856518248E-2</v>
      </c>
      <c r="L75" s="92">
        <v>6.9212135584754308E-2</v>
      </c>
      <c r="M75" s="98">
        <v>64</v>
      </c>
      <c r="N75" s="99">
        <v>5.2601828316336361</v>
      </c>
      <c r="O75" s="100">
        <v>0.33739839097626584</v>
      </c>
      <c r="P75" s="101">
        <v>5.6188821318674351E-2</v>
      </c>
      <c r="Q75" s="92">
        <v>6.6652229458012913E-2</v>
      </c>
      <c r="R75" s="101">
        <v>0.20507436645966229</v>
      </c>
      <c r="S75" s="92">
        <v>0.10086419873000166</v>
      </c>
      <c r="T75" s="101">
        <v>0.70874282246474818</v>
      </c>
      <c r="U75" s="92">
        <v>0.11151416748797072</v>
      </c>
      <c r="V75" s="91">
        <v>2.9993989756915283E-2</v>
      </c>
      <c r="W75" s="92">
        <v>5.6526345177592113E-2</v>
      </c>
      <c r="X75" s="98">
        <v>64</v>
      </c>
      <c r="Y75" s="99">
        <v>4.7007836309386581</v>
      </c>
      <c r="Z75" s="100">
        <v>0.40213172005243275</v>
      </c>
      <c r="AA75" s="101">
        <v>0.21878848448391022</v>
      </c>
      <c r="AB75" s="92">
        <v>0.1028848500239368</v>
      </c>
      <c r="AC75" s="101">
        <v>0.16036479974594034</v>
      </c>
      <c r="AD75" s="92">
        <v>9.3248441184544992E-2</v>
      </c>
      <c r="AE75" s="101">
        <v>0.56118620721453316</v>
      </c>
      <c r="AF75" s="92">
        <v>0.12046081503322315</v>
      </c>
      <c r="AG75" s="91">
        <v>5.9660508555616686E-2</v>
      </c>
      <c r="AH75" s="92">
        <v>6.7841438591793188E-2</v>
      </c>
      <c r="AI75" s="98">
        <v>63</v>
      </c>
      <c r="AJ75" s="99">
        <v>5.3391698325870038</v>
      </c>
      <c r="AK75" s="100">
        <v>0.35729252990860277</v>
      </c>
      <c r="AL75" s="101">
        <v>0.11145745568448825</v>
      </c>
      <c r="AM75" s="92">
        <v>8.3405973125352001E-2</v>
      </c>
      <c r="AN75" s="101">
        <v>0.15907753856169915</v>
      </c>
      <c r="AO75" s="92">
        <v>9.3755984363687053E-2</v>
      </c>
      <c r="AP75" s="101">
        <v>0.69854355842236915</v>
      </c>
      <c r="AQ75" s="92">
        <v>0.11333394450709457</v>
      </c>
      <c r="AR75" s="91">
        <v>3.0921447331443596E-2</v>
      </c>
      <c r="AS75" s="92">
        <v>5.753848675176397E-2</v>
      </c>
    </row>
    <row r="76" spans="1:45">
      <c r="A76" s="40" t="s">
        <v>538</v>
      </c>
      <c r="B76" s="94">
        <v>78</v>
      </c>
      <c r="C76" s="95">
        <v>4.8295297272914519</v>
      </c>
      <c r="D76" s="96">
        <v>0.31801709919598531</v>
      </c>
      <c r="E76" s="97">
        <v>0.12180588136578212</v>
      </c>
      <c r="F76" s="89">
        <v>7.6694861106481632E-2</v>
      </c>
      <c r="G76" s="97">
        <v>0.23546311242730156</v>
      </c>
      <c r="H76" s="89">
        <v>9.5427410767704765E-2</v>
      </c>
      <c r="I76" s="97">
        <v>0.6427310062069157</v>
      </c>
      <c r="J76" s="89">
        <v>0.10628239178971724</v>
      </c>
      <c r="K76" s="88">
        <v>0</v>
      </c>
      <c r="L76" s="89">
        <v>3.406977052534528E-2</v>
      </c>
      <c r="M76" s="94">
        <v>78</v>
      </c>
      <c r="N76" s="95">
        <v>4.8265300889764182</v>
      </c>
      <c r="O76" s="96">
        <v>0.31862249084792765</v>
      </c>
      <c r="P76" s="97">
        <v>0.12987911175553721</v>
      </c>
      <c r="Q76" s="89">
        <v>7.8413968154221636E-2</v>
      </c>
      <c r="R76" s="97">
        <v>0.25947845693953248</v>
      </c>
      <c r="S76" s="89">
        <v>9.8192367673492098E-2</v>
      </c>
      <c r="T76" s="97">
        <v>0.61064243130492979</v>
      </c>
      <c r="U76" s="89">
        <v>0.10795740794189926</v>
      </c>
      <c r="V76" s="88">
        <v>0</v>
      </c>
      <c r="W76" s="89">
        <v>3.406977052534528E-2</v>
      </c>
      <c r="X76" s="94">
        <v>78</v>
      </c>
      <c r="Y76" s="95">
        <v>4.3396789648274243</v>
      </c>
      <c r="Z76" s="96">
        <v>0.34200763351331998</v>
      </c>
      <c r="AA76" s="97">
        <v>0.28243957912374745</v>
      </c>
      <c r="AB76" s="89">
        <v>0.10052851609881712</v>
      </c>
      <c r="AC76" s="97">
        <v>0.2140836087561285</v>
      </c>
      <c r="AD76" s="89">
        <v>9.2665863670665899E-2</v>
      </c>
      <c r="AE76" s="97">
        <v>0.46557456292169397</v>
      </c>
      <c r="AF76" s="89">
        <v>0.11019443787171974</v>
      </c>
      <c r="AG76" s="88">
        <v>3.7902249198429501E-2</v>
      </c>
      <c r="AH76" s="89">
        <v>5.2633187047536438E-2</v>
      </c>
      <c r="AI76" s="94">
        <v>78</v>
      </c>
      <c r="AJ76" s="95">
        <v>5.4092885687280967</v>
      </c>
      <c r="AK76" s="96">
        <v>0.29638170227278438</v>
      </c>
      <c r="AL76" s="97">
        <v>6.3601953917660936E-2</v>
      </c>
      <c r="AM76" s="89">
        <v>6.1558383359038057E-2</v>
      </c>
      <c r="AN76" s="97">
        <v>0.21511535466199694</v>
      </c>
      <c r="AO76" s="89">
        <v>9.2806011728444299E-2</v>
      </c>
      <c r="AP76" s="97">
        <v>0.72128269142034152</v>
      </c>
      <c r="AQ76" s="89">
        <v>0.1001692781051365</v>
      </c>
      <c r="AR76" s="88">
        <v>0</v>
      </c>
      <c r="AS76" s="89">
        <v>3.406977052534528E-2</v>
      </c>
    </row>
    <row r="77" spans="1:45">
      <c r="A77" s="44" t="s">
        <v>539</v>
      </c>
      <c r="B77" s="98">
        <v>64</v>
      </c>
      <c r="C77" s="99">
        <v>4.8434401830674787</v>
      </c>
      <c r="D77" s="100">
        <v>0.3396915088437677</v>
      </c>
      <c r="E77" s="101">
        <v>0.1067724241102279</v>
      </c>
      <c r="F77" s="92">
        <v>8.1539795260586148E-2</v>
      </c>
      <c r="G77" s="101">
        <v>0.27102290859268496</v>
      </c>
      <c r="H77" s="92">
        <v>0.10942533481006773</v>
      </c>
      <c r="I77" s="101">
        <v>0.62220466729708679</v>
      </c>
      <c r="J77" s="92">
        <v>0.11801577250621002</v>
      </c>
      <c r="K77" s="91">
        <v>0</v>
      </c>
      <c r="L77" s="92">
        <v>4.097826741289623E-2</v>
      </c>
      <c r="M77" s="98">
        <v>64</v>
      </c>
      <c r="N77" s="99">
        <v>4.7444695191110373</v>
      </c>
      <c r="O77" s="100">
        <v>0.3723093868194689</v>
      </c>
      <c r="P77" s="101">
        <v>0.14995998939513572</v>
      </c>
      <c r="Q77" s="92">
        <v>9.1221475319649414E-2</v>
      </c>
      <c r="R77" s="101">
        <v>0.26997520243039974</v>
      </c>
      <c r="S77" s="92">
        <v>0.1093107764770555</v>
      </c>
      <c r="T77" s="101">
        <v>0.58006480817446426</v>
      </c>
      <c r="U77" s="92">
        <v>0.11988268943821048</v>
      </c>
      <c r="V77" s="91">
        <v>0</v>
      </c>
      <c r="W77" s="92">
        <v>4.097826741289623E-2</v>
      </c>
      <c r="X77" s="98">
        <v>64</v>
      </c>
      <c r="Y77" s="99">
        <v>4.2664294021650049</v>
      </c>
      <c r="Z77" s="100">
        <v>0.37125034780739391</v>
      </c>
      <c r="AA77" s="101">
        <v>0.30165794270574908</v>
      </c>
      <c r="AB77" s="92">
        <v>0.1124990170225692</v>
      </c>
      <c r="AC77" s="101">
        <v>0.21259181894304421</v>
      </c>
      <c r="AD77" s="92">
        <v>0.10198868643944305</v>
      </c>
      <c r="AE77" s="101">
        <v>0.4419878441446109</v>
      </c>
      <c r="AF77" s="92">
        <v>0.12054261520549574</v>
      </c>
      <c r="AG77" s="91">
        <v>4.3762394206595411E-2</v>
      </c>
      <c r="AH77" s="92">
        <v>6.2126793731495357E-2</v>
      </c>
      <c r="AI77" s="98">
        <v>64</v>
      </c>
      <c r="AJ77" s="99">
        <v>5.4629001963544548</v>
      </c>
      <c r="AK77" s="100">
        <v>0.33450237708838154</v>
      </c>
      <c r="AL77" s="101">
        <v>6.3174028356497436E-2</v>
      </c>
      <c r="AM77" s="92">
        <v>6.9014855534383759E-2</v>
      </c>
      <c r="AN77" s="101">
        <v>0.2231989983685794</v>
      </c>
      <c r="AO77" s="92">
        <v>0.10350619884359875</v>
      </c>
      <c r="AP77" s="101">
        <v>0.71362697327492286</v>
      </c>
      <c r="AQ77" s="92">
        <v>0.11103115690563267</v>
      </c>
      <c r="AR77" s="91">
        <v>0</v>
      </c>
      <c r="AS77" s="92">
        <v>4.097826741289623E-2</v>
      </c>
    </row>
    <row r="78" spans="1:45">
      <c r="A78" s="40" t="s">
        <v>540</v>
      </c>
      <c r="B78" s="78">
        <v>162</v>
      </c>
      <c r="C78" s="79">
        <v>4.8018770433544198</v>
      </c>
      <c r="D78" s="80">
        <v>0.25286895056526226</v>
      </c>
      <c r="E78" s="93">
        <v>0.17644833069340063</v>
      </c>
      <c r="F78" s="89">
        <v>6.0180176493730024E-2</v>
      </c>
      <c r="G78" s="93">
        <v>0.18959113636380334</v>
      </c>
      <c r="H78" s="89">
        <v>6.1748409275924301E-2</v>
      </c>
      <c r="I78" s="93">
        <v>0.62096265851313492</v>
      </c>
      <c r="J78" s="89">
        <v>7.5420858437773117E-2</v>
      </c>
      <c r="K78" s="93">
        <v>1.2997874429661153E-2</v>
      </c>
      <c r="L78" s="89">
        <v>2.4108764979140326E-2</v>
      </c>
      <c r="M78" s="78">
        <v>162</v>
      </c>
      <c r="N78" s="79">
        <v>5.0947605271870788</v>
      </c>
      <c r="O78" s="80">
        <v>0.22910443551841986</v>
      </c>
      <c r="P78" s="93">
        <v>0.13468935261052439</v>
      </c>
      <c r="Q78" s="89">
        <v>5.4419623354244877E-2</v>
      </c>
      <c r="R78" s="93">
        <v>0.21212102231994495</v>
      </c>
      <c r="S78" s="89">
        <v>6.4204401918878329E-2</v>
      </c>
      <c r="T78" s="93">
        <v>0.64153829127462514</v>
      </c>
      <c r="U78" s="89">
        <v>7.4594603990099068E-2</v>
      </c>
      <c r="V78" s="93">
        <v>1.1651333794905487E-2</v>
      </c>
      <c r="W78" s="89">
        <v>2.3475356304102125E-2</v>
      </c>
      <c r="X78" s="78">
        <v>162</v>
      </c>
      <c r="Y78" s="79">
        <v>4.2537288246365987</v>
      </c>
      <c r="Z78" s="80">
        <v>0.25946125451969265</v>
      </c>
      <c r="AA78" s="93">
        <v>0.29305383473929658</v>
      </c>
      <c r="AB78" s="89">
        <v>7.1001842169800267E-2</v>
      </c>
      <c r="AC78" s="93">
        <v>0.23666203263735622</v>
      </c>
      <c r="AD78" s="89">
        <v>6.6578130245209644E-2</v>
      </c>
      <c r="AE78" s="93">
        <v>0.44236206247597631</v>
      </c>
      <c r="AF78" s="89">
        <v>7.7122347166683231E-2</v>
      </c>
      <c r="AG78" s="93">
        <v>2.792207014737114E-2</v>
      </c>
      <c r="AH78" s="89">
        <v>3.0161474272535828E-2</v>
      </c>
      <c r="AI78" s="78">
        <v>162</v>
      </c>
      <c r="AJ78" s="79">
        <v>5.2917301087190207</v>
      </c>
      <c r="AK78" s="80">
        <v>0.21927833173272232</v>
      </c>
      <c r="AL78" s="93">
        <v>6.4238987602281375E-2</v>
      </c>
      <c r="AM78" s="89">
        <v>4.0820883218030936E-2</v>
      </c>
      <c r="AN78" s="93">
        <v>0.22288074062027211</v>
      </c>
      <c r="AO78" s="89">
        <v>6.5281834593184651E-2</v>
      </c>
      <c r="AP78" s="93">
        <v>0.70762105330925695</v>
      </c>
      <c r="AQ78" s="89">
        <v>7.0956611690401641E-2</v>
      </c>
      <c r="AR78" s="93">
        <v>5.2592184681899438E-3</v>
      </c>
      <c r="AS78" s="89">
        <v>2.0171259054909751E-2</v>
      </c>
    </row>
    <row r="79" spans="1:45" ht="25.5">
      <c r="A79" s="44" t="s">
        <v>541</v>
      </c>
      <c r="B79" s="98">
        <v>65</v>
      </c>
      <c r="C79" s="99">
        <v>4.9939510276906773</v>
      </c>
      <c r="D79" s="100">
        <v>0.38874090066163897</v>
      </c>
      <c r="E79" s="101">
        <v>0.12503341885921454</v>
      </c>
      <c r="F79" s="92">
        <v>8.5203592300645378E-2</v>
      </c>
      <c r="G79" s="101">
        <v>0.22506062685913306</v>
      </c>
      <c r="H79" s="92">
        <v>0.10297560008268512</v>
      </c>
      <c r="I79" s="101">
        <v>0.63289802156894848</v>
      </c>
      <c r="J79" s="92">
        <v>0.11655104382484804</v>
      </c>
      <c r="K79" s="91">
        <v>1.7007932712704083E-2</v>
      </c>
      <c r="L79" s="92">
        <v>4.9916916614049178E-2</v>
      </c>
      <c r="M79" s="98">
        <v>65</v>
      </c>
      <c r="N79" s="99">
        <v>5.2409888649352823</v>
      </c>
      <c r="O79" s="100">
        <v>0.35446804881841759</v>
      </c>
      <c r="P79" s="101">
        <v>8.9006884569098638E-2</v>
      </c>
      <c r="Q79" s="92">
        <v>7.6177284841791579E-2</v>
      </c>
      <c r="R79" s="101">
        <v>0.28345123078419571</v>
      </c>
      <c r="S79" s="92">
        <v>0.1099106227903292</v>
      </c>
      <c r="T79" s="101">
        <v>0.62754188464670579</v>
      </c>
      <c r="U79" s="92">
        <v>0.1168584977399377</v>
      </c>
      <c r="V79" s="91">
        <v>0</v>
      </c>
      <c r="W79" s="92">
        <v>4.0393246397800862E-2</v>
      </c>
      <c r="X79" s="98">
        <v>65</v>
      </c>
      <c r="Y79" s="99">
        <v>4.2213100306535765</v>
      </c>
      <c r="Z79" s="100">
        <v>0.37483568682116614</v>
      </c>
      <c r="AA79" s="101">
        <v>0.30831402914904477</v>
      </c>
      <c r="AB79" s="92">
        <v>0.11226085672561027</v>
      </c>
      <c r="AC79" s="101">
        <v>0.26553978100464604</v>
      </c>
      <c r="AD79" s="92">
        <v>0.10800353838272446</v>
      </c>
      <c r="AE79" s="101">
        <v>0.3984862690512555</v>
      </c>
      <c r="AF79" s="92">
        <v>0.11816351183722039</v>
      </c>
      <c r="AG79" s="91">
        <v>2.7659920795053802E-2</v>
      </c>
      <c r="AH79" s="92">
        <v>5.4910909468077154E-2</v>
      </c>
      <c r="AI79" s="98">
        <v>65</v>
      </c>
      <c r="AJ79" s="99">
        <v>5.2740953195329983</v>
      </c>
      <c r="AK79" s="100">
        <v>0.27826012690439872</v>
      </c>
      <c r="AL79" s="101">
        <v>1.6502445667236302E-2</v>
      </c>
      <c r="AM79" s="92">
        <v>4.9664528887758512E-2</v>
      </c>
      <c r="AN79" s="101">
        <v>0.29818914797979212</v>
      </c>
      <c r="AO79" s="92">
        <v>0.11134423762342648</v>
      </c>
      <c r="AP79" s="101">
        <v>0.68530840635297163</v>
      </c>
      <c r="AQ79" s="92">
        <v>0.11281040912852788</v>
      </c>
      <c r="AR79" s="91">
        <v>0</v>
      </c>
      <c r="AS79" s="92">
        <v>4.0393246397800862E-2</v>
      </c>
    </row>
    <row r="80" spans="1:45" ht="25.5">
      <c r="A80" s="52" t="s">
        <v>549</v>
      </c>
      <c r="B80" s="94">
        <v>39</v>
      </c>
      <c r="C80" s="95">
        <v>4.5198856863721346</v>
      </c>
      <c r="D80" s="96">
        <v>0.49617531608165444</v>
      </c>
      <c r="E80" s="97">
        <v>0.19039376255865231</v>
      </c>
      <c r="F80" s="89">
        <v>0.12617749877776022</v>
      </c>
      <c r="G80" s="97">
        <v>0.24238374734246865</v>
      </c>
      <c r="H80" s="89">
        <v>0.13482349054229842</v>
      </c>
      <c r="I80" s="97">
        <v>0.56722249009887882</v>
      </c>
      <c r="J80" s="89">
        <v>0.15136057437523165</v>
      </c>
      <c r="K80" s="88">
        <v>0</v>
      </c>
      <c r="L80" s="89">
        <v>6.4229455226840551E-2</v>
      </c>
      <c r="M80" s="94">
        <v>39</v>
      </c>
      <c r="N80" s="95">
        <v>4.9392036804853108</v>
      </c>
      <c r="O80" s="96">
        <v>0.46852742251278895</v>
      </c>
      <c r="P80" s="97">
        <v>0.16076963115820131</v>
      </c>
      <c r="Q80" s="89">
        <v>0.12020783381819664</v>
      </c>
      <c r="R80" s="97">
        <v>0.14615589572088947</v>
      </c>
      <c r="S80" s="89">
        <v>0.11693965010321949</v>
      </c>
      <c r="T80" s="97">
        <v>0.66180448237282474</v>
      </c>
      <c r="U80" s="89">
        <v>0.14578212018272185</v>
      </c>
      <c r="V80" s="88">
        <v>3.1269990748084252E-2</v>
      </c>
      <c r="W80" s="89">
        <v>8.027096481994965E-2</v>
      </c>
      <c r="X80" s="94">
        <v>39</v>
      </c>
      <c r="Y80" s="95">
        <v>4.2101289601081469</v>
      </c>
      <c r="Z80" s="96">
        <v>0.47553439832352778</v>
      </c>
      <c r="AA80" s="97">
        <v>0.31142857289741172</v>
      </c>
      <c r="AB80" s="89">
        <v>0.14329958004711094</v>
      </c>
      <c r="AC80" s="97">
        <v>0.1747415753528421</v>
      </c>
      <c r="AD80" s="89">
        <v>0.12312743334897049</v>
      </c>
      <c r="AE80" s="97">
        <v>0.48810195035298631</v>
      </c>
      <c r="AF80" s="89">
        <v>0.15246304892172474</v>
      </c>
      <c r="AG80" s="88">
        <v>2.5727901396759609E-2</v>
      </c>
      <c r="AH80" s="89">
        <v>7.7740019591929554E-2</v>
      </c>
      <c r="AI80" s="94">
        <v>39</v>
      </c>
      <c r="AJ80" s="95">
        <v>5.1172536643430462</v>
      </c>
      <c r="AK80" s="96">
        <v>0.50296070720499142</v>
      </c>
      <c r="AL80" s="97">
        <v>6.562894244266429E-2</v>
      </c>
      <c r="AM80" s="89">
        <v>9.3903470508243866E-2</v>
      </c>
      <c r="AN80" s="97">
        <v>0.28887145421717925</v>
      </c>
      <c r="AO80" s="89">
        <v>0.14087173285911528</v>
      </c>
      <c r="AP80" s="97">
        <v>0.6454996033401561</v>
      </c>
      <c r="AQ80" s="89">
        <v>0.14709127147113368</v>
      </c>
      <c r="AR80" s="88">
        <v>0</v>
      </c>
      <c r="AS80" s="89">
        <v>6.4229455226840551E-2</v>
      </c>
    </row>
    <row r="81" spans="1:45">
      <c r="A81" s="44" t="s">
        <v>543</v>
      </c>
      <c r="B81" s="98">
        <v>58</v>
      </c>
      <c r="C81" s="99">
        <v>4.7299258239537778</v>
      </c>
      <c r="D81" s="100">
        <v>0.43538854121138948</v>
      </c>
      <c r="E81" s="101">
        <v>0.23177081293757709</v>
      </c>
      <c r="F81" s="92">
        <v>0.1098494885152909</v>
      </c>
      <c r="G81" s="101">
        <v>0.11564042486900768</v>
      </c>
      <c r="H81" s="92">
        <v>8.8250024736086105E-2</v>
      </c>
      <c r="I81" s="101">
        <v>0.63707681032409813</v>
      </c>
      <c r="J81" s="92">
        <v>0.1227523760986811</v>
      </c>
      <c r="K81" s="91">
        <v>1.5511951869317045E-2</v>
      </c>
      <c r="L81" s="92">
        <v>5.3630686323940815E-2</v>
      </c>
      <c r="M81" s="98">
        <v>58</v>
      </c>
      <c r="N81" s="99">
        <v>4.9996772046592239</v>
      </c>
      <c r="O81" s="100">
        <v>0.39206032161303694</v>
      </c>
      <c r="P81" s="101">
        <v>0.17599453615320546</v>
      </c>
      <c r="Q81" s="92">
        <v>0.10100439051002474</v>
      </c>
      <c r="R81" s="101">
        <v>0.16209881264112702</v>
      </c>
      <c r="S81" s="92">
        <v>9.8400133680543858E-2</v>
      </c>
      <c r="T81" s="101">
        <v>0.64715516540656393</v>
      </c>
      <c r="U81" s="92">
        <v>0.12209181393168511</v>
      </c>
      <c r="V81" s="91">
        <v>1.4751485799103457E-2</v>
      </c>
      <c r="W81" s="92">
        <v>5.3241093021781365E-2</v>
      </c>
      <c r="X81" s="98">
        <v>58</v>
      </c>
      <c r="Y81" s="99">
        <v>4.3188248113591854</v>
      </c>
      <c r="Z81" s="100">
        <v>0.49802519103865706</v>
      </c>
      <c r="AA81" s="101">
        <v>0.26372521734434951</v>
      </c>
      <c r="AB81" s="92">
        <v>0.11391711397639614</v>
      </c>
      <c r="AC81" s="101">
        <v>0.23660165224325147</v>
      </c>
      <c r="AD81" s="92">
        <v>0.11050751611159433</v>
      </c>
      <c r="AE81" s="101">
        <v>0.47017015881419189</v>
      </c>
      <c r="AF81" s="92">
        <v>0.12680218077437691</v>
      </c>
      <c r="AG81" s="91">
        <v>2.9502971598206914E-2</v>
      </c>
      <c r="AH81" s="92">
        <v>6.0254666042519507E-2</v>
      </c>
      <c r="AI81" s="98">
        <v>58</v>
      </c>
      <c r="AJ81" s="99">
        <v>5.4153093571220285</v>
      </c>
      <c r="AK81" s="100">
        <v>0.39894705982181899</v>
      </c>
      <c r="AL81" s="101">
        <v>0.12223037166315576</v>
      </c>
      <c r="AM81" s="92">
        <v>8.9842256649080604E-2</v>
      </c>
      <c r="AN81" s="101">
        <v>9.2300414252124222E-2</v>
      </c>
      <c r="AO81" s="92">
        <v>8.2123744645809044E-2</v>
      </c>
      <c r="AP81" s="101">
        <v>0.7707177282856168</v>
      </c>
      <c r="AQ81" s="92">
        <v>0.10950427590798135</v>
      </c>
      <c r="AR81" s="91">
        <v>1.4751485799103457E-2</v>
      </c>
      <c r="AS81" s="92">
        <v>5.3241093021781365E-2</v>
      </c>
    </row>
    <row r="82" spans="1:45">
      <c r="A82" s="52" t="s">
        <v>544</v>
      </c>
      <c r="B82" s="94">
        <v>95</v>
      </c>
      <c r="C82" s="95">
        <v>4.7390262760938056</v>
      </c>
      <c r="D82" s="96">
        <v>0.30480836630910069</v>
      </c>
      <c r="E82" s="97">
        <v>0.13223161749000645</v>
      </c>
      <c r="F82" s="89">
        <v>7.1196186385966864E-2</v>
      </c>
      <c r="G82" s="97">
        <v>0.27156280337733468</v>
      </c>
      <c r="H82" s="89">
        <v>9.0330059429945542E-2</v>
      </c>
      <c r="I82" s="97">
        <v>0.57591745793583837</v>
      </c>
      <c r="J82" s="89">
        <v>9.9431284832391706E-2</v>
      </c>
      <c r="K82" s="88">
        <v>2.0288121196820223E-2</v>
      </c>
      <c r="L82" s="89">
        <v>3.9233400098005348E-2</v>
      </c>
      <c r="M82" s="94">
        <v>95</v>
      </c>
      <c r="N82" s="95">
        <v>5.1247179881383946</v>
      </c>
      <c r="O82" s="96">
        <v>0.29617572185674002</v>
      </c>
      <c r="P82" s="97">
        <v>0.10830774574161779</v>
      </c>
      <c r="Q82" s="89">
        <v>6.6279030939930428E-2</v>
      </c>
      <c r="R82" s="97">
        <v>0.21937109421170697</v>
      </c>
      <c r="S82" s="89">
        <v>8.4681864486899239E-2</v>
      </c>
      <c r="T82" s="97">
        <v>0.65999155062768078</v>
      </c>
      <c r="U82" s="89">
        <v>9.5648638333651809E-2</v>
      </c>
      <c r="V82" s="88">
        <v>1.2329609418994152E-2</v>
      </c>
      <c r="W82" s="89">
        <v>3.5395212136816394E-2</v>
      </c>
      <c r="X82" s="94">
        <v>95</v>
      </c>
      <c r="Y82" s="95">
        <v>4.5385059650940942</v>
      </c>
      <c r="Z82" s="96">
        <v>0.30610221615077032</v>
      </c>
      <c r="AA82" s="97">
        <v>0.26454127324961668</v>
      </c>
      <c r="AB82" s="89">
        <v>8.9656752237146004E-2</v>
      </c>
      <c r="AC82" s="97">
        <v>0.20699117431988445</v>
      </c>
      <c r="AD82" s="89">
        <v>8.3107179954877666E-2</v>
      </c>
      <c r="AE82" s="97">
        <v>0.48314254429184106</v>
      </c>
      <c r="AF82" s="89">
        <v>0.10045116926532471</v>
      </c>
      <c r="AG82" s="88">
        <v>4.5325008138657676E-2</v>
      </c>
      <c r="AH82" s="89">
        <v>4.9088076186508435E-2</v>
      </c>
      <c r="AI82" s="94">
        <v>95</v>
      </c>
      <c r="AJ82" s="95">
        <v>5.4015649903569676</v>
      </c>
      <c r="AK82" s="96">
        <v>0.27037971984576104</v>
      </c>
      <c r="AL82" s="97">
        <v>9.716988949411233E-2</v>
      </c>
      <c r="AM82" s="89">
        <v>6.3746940308002764E-2</v>
      </c>
      <c r="AN82" s="97">
        <v>0.12419297013174019</v>
      </c>
      <c r="AO82" s="89">
        <v>6.9616879011808852E-2</v>
      </c>
      <c r="AP82" s="97">
        <v>0.77863714037414711</v>
      </c>
      <c r="AQ82" s="89">
        <v>8.4926214138468001E-2</v>
      </c>
      <c r="AR82" s="88">
        <v>0</v>
      </c>
      <c r="AS82" s="89">
        <v>2.8279912978147775E-2</v>
      </c>
    </row>
    <row r="83" spans="1:45">
      <c r="A83" s="44" t="s">
        <v>545</v>
      </c>
      <c r="B83" s="98">
        <v>81</v>
      </c>
      <c r="C83" s="99">
        <v>4.8083967633744971</v>
      </c>
      <c r="D83" s="100">
        <v>0.32666666666666661</v>
      </c>
      <c r="E83" s="101">
        <v>0.16109040313074222</v>
      </c>
      <c r="F83" s="92">
        <v>8.2802742392565576E-2</v>
      </c>
      <c r="G83" s="101">
        <v>0.26519242451796071</v>
      </c>
      <c r="H83" s="92">
        <v>9.6997863822755812E-2</v>
      </c>
      <c r="I83" s="101">
        <v>0.50469481565393126</v>
      </c>
      <c r="J83" s="92">
        <v>0.10846088682253691</v>
      </c>
      <c r="K83" s="91">
        <v>6.9022356697365825E-2</v>
      </c>
      <c r="L83" s="92">
        <v>6.1864563383271828E-2</v>
      </c>
      <c r="M83" s="98">
        <v>79</v>
      </c>
      <c r="N83" s="99">
        <v>5.101829935349012</v>
      </c>
      <c r="O83" s="100">
        <v>0.34942089440788682</v>
      </c>
      <c r="P83" s="101">
        <v>0.12096180327411615</v>
      </c>
      <c r="Q83" s="92">
        <v>7.5997486392865674E-2</v>
      </c>
      <c r="R83" s="101">
        <v>0.22249171442526905</v>
      </c>
      <c r="S83" s="92">
        <v>9.3198330510790087E-2</v>
      </c>
      <c r="T83" s="101">
        <v>0.62880765481947809</v>
      </c>
      <c r="U83" s="92">
        <v>0.10641343017521948</v>
      </c>
      <c r="V83" s="91">
        <v>2.7738827481136426E-2</v>
      </c>
      <c r="W83" s="92">
        <v>4.8070386871356521E-2</v>
      </c>
      <c r="X83" s="98">
        <v>81</v>
      </c>
      <c r="Y83" s="99">
        <v>4.290347734736482</v>
      </c>
      <c r="Z83" s="100">
        <v>0.35160873950486865</v>
      </c>
      <c r="AA83" s="101">
        <v>0.27549255178474175</v>
      </c>
      <c r="AB83" s="92">
        <v>9.8034484443847436E-2</v>
      </c>
      <c r="AC83" s="101">
        <v>0.23620488371711112</v>
      </c>
      <c r="AD83" s="92">
        <v>9.3760013546235088E-2</v>
      </c>
      <c r="AE83" s="101">
        <v>0.46155336921191603</v>
      </c>
      <c r="AF83" s="92">
        <v>0.10817365180213689</v>
      </c>
      <c r="AG83" s="91">
        <v>2.6749195286230799E-2</v>
      </c>
      <c r="AH83" s="92">
        <v>4.6837329758247899E-2</v>
      </c>
      <c r="AI83" s="98">
        <v>81</v>
      </c>
      <c r="AJ83" s="99">
        <v>5.2471465818139542</v>
      </c>
      <c r="AK83" s="100">
        <v>0.31512599577699241</v>
      </c>
      <c r="AL83" s="101">
        <v>0.10178580578965787</v>
      </c>
      <c r="AM83" s="92">
        <v>7.0627090285615965E-2</v>
      </c>
      <c r="AN83" s="101">
        <v>0.20798274251660068</v>
      </c>
      <c r="AO83" s="92">
        <v>9.0114404338142981E-2</v>
      </c>
      <c r="AP83" s="101">
        <v>0.61691035803279803</v>
      </c>
      <c r="AQ83" s="92">
        <v>0.1057384348560228</v>
      </c>
      <c r="AR83" s="91">
        <v>7.3321093660943457E-2</v>
      </c>
      <c r="AS83" s="92">
        <v>6.312509416105315E-2</v>
      </c>
    </row>
    <row r="90" spans="1:45" ht="18.75">
      <c r="A90" s="335" t="s">
        <v>227</v>
      </c>
      <c r="B90" s="335"/>
      <c r="C90" s="335"/>
      <c r="D90" s="335"/>
      <c r="E90" s="335"/>
      <c r="F90" s="335"/>
      <c r="G90" s="335"/>
      <c r="H90" s="335"/>
      <c r="I90" s="335"/>
      <c r="J90" s="335"/>
      <c r="K90" s="335"/>
      <c r="L90" s="335"/>
      <c r="M90" s="335"/>
      <c r="N90" s="335"/>
      <c r="O90" s="335"/>
      <c r="P90" s="335"/>
      <c r="Q90" s="335"/>
      <c r="R90" s="335"/>
      <c r="S90" s="335"/>
      <c r="T90" s="335"/>
      <c r="U90" s="335"/>
      <c r="V90" s="335"/>
      <c r="W90" s="335"/>
      <c r="X90" s="335"/>
      <c r="Y90" s="335"/>
      <c r="Z90" s="335"/>
      <c r="AA90" s="335"/>
      <c r="AB90" s="335"/>
      <c r="AC90" s="335"/>
      <c r="AD90" s="335"/>
      <c r="AE90" s="335"/>
      <c r="AF90" s="335"/>
      <c r="AG90" s="335"/>
      <c r="AH90" s="335"/>
    </row>
    <row r="91" spans="1:45" ht="66" customHeight="1">
      <c r="A91" s="370" t="s">
        <v>529</v>
      </c>
      <c r="B91" s="370"/>
      <c r="C91" s="370"/>
      <c r="D91" s="370"/>
      <c r="E91" s="370"/>
      <c r="F91" s="370"/>
      <c r="G91" s="370"/>
      <c r="H91" s="370"/>
      <c r="I91" s="370"/>
      <c r="J91" s="370"/>
      <c r="K91" s="370"/>
      <c r="L91" s="370"/>
      <c r="M91" s="370"/>
      <c r="N91" s="370"/>
      <c r="O91" s="370"/>
      <c r="P91" s="370"/>
      <c r="Q91" s="370"/>
      <c r="R91" s="370"/>
      <c r="S91" s="370"/>
      <c r="T91" s="370"/>
      <c r="U91" s="370"/>
      <c r="V91" s="370"/>
      <c r="W91" s="370"/>
      <c r="X91" s="370"/>
      <c r="Y91" s="370"/>
      <c r="Z91" s="370"/>
      <c r="AA91" s="370"/>
      <c r="AB91" s="370"/>
      <c r="AC91" s="370"/>
      <c r="AD91" s="370"/>
      <c r="AE91" s="370"/>
      <c r="AF91" s="370"/>
      <c r="AG91" s="370"/>
      <c r="AH91" s="370"/>
    </row>
    <row r="92" spans="1:45" ht="45.75" customHeight="1">
      <c r="A92" s="102"/>
      <c r="B92" s="358" t="s">
        <v>321</v>
      </c>
      <c r="C92" s="359"/>
      <c r="D92" s="359"/>
      <c r="E92" s="359"/>
      <c r="F92" s="359"/>
      <c r="G92" s="359"/>
      <c r="H92" s="359"/>
      <c r="I92" s="359"/>
      <c r="J92" s="359"/>
      <c r="K92" s="359"/>
      <c r="L92" s="360"/>
      <c r="M92" s="364" t="s">
        <v>228</v>
      </c>
      <c r="N92" s="365"/>
      <c r="O92" s="365"/>
      <c r="P92" s="365"/>
      <c r="Q92" s="365"/>
      <c r="R92" s="365"/>
      <c r="S92" s="365"/>
      <c r="T92" s="365"/>
      <c r="U92" s="365"/>
      <c r="V92" s="365"/>
      <c r="W92" s="366"/>
      <c r="X92" s="358" t="s">
        <v>368</v>
      </c>
      <c r="Y92" s="359"/>
      <c r="Z92" s="359"/>
      <c r="AA92" s="359"/>
      <c r="AB92" s="359"/>
      <c r="AC92" s="359"/>
      <c r="AD92" s="359"/>
      <c r="AE92" s="359"/>
      <c r="AF92" s="359"/>
      <c r="AG92" s="359"/>
      <c r="AH92" s="360"/>
    </row>
    <row r="93" spans="1:45" ht="66" customHeight="1">
      <c r="A93" s="32" t="s">
        <v>71</v>
      </c>
      <c r="B93" s="33" t="s">
        <v>72</v>
      </c>
      <c r="C93" s="33" t="s">
        <v>584</v>
      </c>
      <c r="D93" s="248" t="s">
        <v>73</v>
      </c>
      <c r="E93" s="33" t="s">
        <v>156</v>
      </c>
      <c r="F93" s="84" t="s">
        <v>85</v>
      </c>
      <c r="G93" s="33" t="s">
        <v>157</v>
      </c>
      <c r="H93" s="84" t="s">
        <v>86</v>
      </c>
      <c r="I93" s="33" t="s">
        <v>158</v>
      </c>
      <c r="J93" s="84" t="s">
        <v>87</v>
      </c>
      <c r="K93" s="33" t="s">
        <v>301</v>
      </c>
      <c r="L93" s="84" t="s">
        <v>300</v>
      </c>
      <c r="M93" s="60" t="s">
        <v>72</v>
      </c>
      <c r="N93" s="60" t="s">
        <v>584</v>
      </c>
      <c r="O93" s="250" t="s">
        <v>73</v>
      </c>
      <c r="P93" s="60" t="s">
        <v>346</v>
      </c>
      <c r="Q93" s="83" t="s">
        <v>347</v>
      </c>
      <c r="R93" s="60" t="s">
        <v>343</v>
      </c>
      <c r="S93" s="83" t="s">
        <v>345</v>
      </c>
      <c r="T93" s="60" t="s">
        <v>348</v>
      </c>
      <c r="U93" s="83" t="s">
        <v>349</v>
      </c>
      <c r="V93" s="60" t="s">
        <v>301</v>
      </c>
      <c r="W93" s="83" t="s">
        <v>315</v>
      </c>
      <c r="X93" s="33" t="s">
        <v>72</v>
      </c>
      <c r="Y93" s="33" t="s">
        <v>584</v>
      </c>
      <c r="Z93" s="248" t="s">
        <v>73</v>
      </c>
      <c r="AA93" s="33" t="s">
        <v>369</v>
      </c>
      <c r="AB93" s="84" t="s">
        <v>370</v>
      </c>
      <c r="AC93" s="33" t="s">
        <v>371</v>
      </c>
      <c r="AD93" s="84" t="s">
        <v>372</v>
      </c>
      <c r="AE93" s="33" t="s">
        <v>373</v>
      </c>
      <c r="AF93" s="84" t="s">
        <v>374</v>
      </c>
      <c r="AG93" s="33" t="s">
        <v>301</v>
      </c>
      <c r="AH93" s="84" t="s">
        <v>300</v>
      </c>
    </row>
    <row r="94" spans="1:45" ht="99.75" customHeight="1">
      <c r="A94" s="36"/>
      <c r="B94" s="37" t="s">
        <v>74</v>
      </c>
      <c r="C94" s="37" t="s">
        <v>302</v>
      </c>
      <c r="D94" s="249" t="s">
        <v>76</v>
      </c>
      <c r="E94" s="37" t="s">
        <v>159</v>
      </c>
      <c r="F94" s="86" t="s">
        <v>88</v>
      </c>
      <c r="G94" s="37" t="s">
        <v>160</v>
      </c>
      <c r="H94" s="86" t="s">
        <v>88</v>
      </c>
      <c r="I94" s="37" t="s">
        <v>161</v>
      </c>
      <c r="J94" s="86" t="s">
        <v>88</v>
      </c>
      <c r="K94" s="37" t="s">
        <v>301</v>
      </c>
      <c r="L94" s="86" t="s">
        <v>88</v>
      </c>
      <c r="M94" s="63" t="s">
        <v>74</v>
      </c>
      <c r="N94" s="63" t="s">
        <v>303</v>
      </c>
      <c r="O94" s="251" t="s">
        <v>76</v>
      </c>
      <c r="P94" s="63" t="s">
        <v>342</v>
      </c>
      <c r="Q94" s="85" t="s">
        <v>88</v>
      </c>
      <c r="R94" s="63" t="s">
        <v>344</v>
      </c>
      <c r="S94" s="85" t="s">
        <v>88</v>
      </c>
      <c r="T94" s="63" t="s">
        <v>159</v>
      </c>
      <c r="U94" s="85" t="s">
        <v>88</v>
      </c>
      <c r="V94" s="63" t="s">
        <v>301</v>
      </c>
      <c r="W94" s="85" t="s">
        <v>88</v>
      </c>
      <c r="X94" s="37" t="s">
        <v>74</v>
      </c>
      <c r="Y94" s="37" t="s">
        <v>302</v>
      </c>
      <c r="Z94" s="249" t="s">
        <v>76</v>
      </c>
      <c r="AA94" s="37" t="s">
        <v>375</v>
      </c>
      <c r="AB94" s="86" t="s">
        <v>376</v>
      </c>
      <c r="AC94" s="37" t="s">
        <v>377</v>
      </c>
      <c r="AD94" s="86" t="s">
        <v>88</v>
      </c>
      <c r="AE94" s="37" t="s">
        <v>378</v>
      </c>
      <c r="AF94" s="86" t="s">
        <v>88</v>
      </c>
      <c r="AG94" s="37" t="s">
        <v>301</v>
      </c>
      <c r="AH94" s="86" t="s">
        <v>88</v>
      </c>
    </row>
    <row r="95" spans="1:45">
      <c r="A95" s="40" t="s">
        <v>350</v>
      </c>
      <c r="B95" s="105">
        <v>13860</v>
      </c>
      <c r="C95" s="42">
        <v>3.4344054400133501</v>
      </c>
      <c r="D95" s="43">
        <v>3.4901934531529712E-2</v>
      </c>
      <c r="E95" s="106">
        <v>0.52652880844819483</v>
      </c>
      <c r="F95" s="89">
        <v>8.4809386825359465E-3</v>
      </c>
      <c r="G95" s="106">
        <v>0.127734730114479</v>
      </c>
      <c r="H95" s="89">
        <v>5.671791781730307E-3</v>
      </c>
      <c r="I95" s="106">
        <v>0.31602429494402545</v>
      </c>
      <c r="J95" s="89">
        <v>7.8974322931968897E-3</v>
      </c>
      <c r="K95" s="88">
        <v>2.9712166493315654E-2</v>
      </c>
      <c r="L95" s="89">
        <v>2.8904282332363417E-3</v>
      </c>
      <c r="M95" s="105">
        <v>13927</v>
      </c>
      <c r="N95" s="42">
        <v>3.5790312707883745</v>
      </c>
      <c r="O95" s="43">
        <v>3.2156238078187627E-2</v>
      </c>
      <c r="P95" s="106">
        <v>0.14401396537196057</v>
      </c>
      <c r="Q95" s="89">
        <v>5.9511737220716236E-3</v>
      </c>
      <c r="R95" s="106">
        <v>0.33613620538888489</v>
      </c>
      <c r="S95" s="89">
        <v>8.0048093042382421E-3</v>
      </c>
      <c r="T95" s="106">
        <v>0.44604555289978853</v>
      </c>
      <c r="U95" s="89">
        <v>8.4230029339856776E-3</v>
      </c>
      <c r="V95" s="88">
        <v>7.3804276339382899E-2</v>
      </c>
      <c r="W95" s="89">
        <v>4.4336566255393272E-3</v>
      </c>
      <c r="X95" s="105">
        <v>13919</v>
      </c>
      <c r="Y95" s="42">
        <v>2.0177609801573295</v>
      </c>
      <c r="Z95" s="43">
        <v>2.0367340202541478E-2</v>
      </c>
      <c r="AA95" s="106">
        <v>0.68393995197501301</v>
      </c>
      <c r="AB95" s="89">
        <v>7.8809195994037958E-3</v>
      </c>
      <c r="AC95" s="106">
        <v>0.13351294498901081</v>
      </c>
      <c r="AD95" s="89">
        <v>5.7670152588268639E-3</v>
      </c>
      <c r="AE95" s="106">
        <v>0.14884870366073591</v>
      </c>
      <c r="AF95" s="89">
        <v>6.0347721819283343E-3</v>
      </c>
      <c r="AG95" s="88">
        <v>3.3698399375253284E-2</v>
      </c>
      <c r="AH95" s="89">
        <v>3.0644744644798606E-3</v>
      </c>
    </row>
    <row r="96" spans="1:45">
      <c r="A96" s="44" t="s">
        <v>351</v>
      </c>
      <c r="B96" s="107">
        <v>10153</v>
      </c>
      <c r="C96" s="46">
        <v>3.177751594024719</v>
      </c>
      <c r="D96" s="47">
        <v>4.03678665594569E-2</v>
      </c>
      <c r="E96" s="108">
        <v>0.58848719488128598</v>
      </c>
      <c r="F96" s="92">
        <v>9.7659159841971162E-3</v>
      </c>
      <c r="G96" s="108">
        <v>0.11527214411866142</v>
      </c>
      <c r="H96" s="92">
        <v>6.3410670281532685E-3</v>
      </c>
      <c r="I96" s="108">
        <v>0.27010593416162559</v>
      </c>
      <c r="J96" s="92">
        <v>8.8123164628331127E-3</v>
      </c>
      <c r="K96" s="91">
        <v>2.6134726838419383E-2</v>
      </c>
      <c r="L96" s="92">
        <v>3.1769407662610837E-3</v>
      </c>
      <c r="M96" s="107">
        <v>10152</v>
      </c>
      <c r="N96" s="46">
        <v>3.7864873783669335</v>
      </c>
      <c r="O96" s="47">
        <v>3.8269137389477188E-2</v>
      </c>
      <c r="P96" s="108">
        <v>0.19346062009017703</v>
      </c>
      <c r="Q96" s="92">
        <v>7.8411667617184523E-3</v>
      </c>
      <c r="R96" s="108">
        <v>0.3273272481485836</v>
      </c>
      <c r="S96" s="92">
        <v>9.3128970879132536E-3</v>
      </c>
      <c r="T96" s="108">
        <v>0.40498913371523143</v>
      </c>
      <c r="U96" s="92">
        <v>9.7422482007348092E-3</v>
      </c>
      <c r="V96" s="91">
        <v>7.4222998046008404E-2</v>
      </c>
      <c r="W96" s="92">
        <v>5.2076502345800519E-3</v>
      </c>
      <c r="X96" s="107">
        <v>10246</v>
      </c>
      <c r="Y96" s="46">
        <v>1.8433284416922264</v>
      </c>
      <c r="Z96" s="47">
        <v>2.2634443350480385E-2</v>
      </c>
      <c r="AA96" s="108">
        <v>0.74628473448186683</v>
      </c>
      <c r="AB96" s="92">
        <v>8.5970196021115299E-3</v>
      </c>
      <c r="AC96" s="108">
        <v>0.1025123468959812</v>
      </c>
      <c r="AD96" s="92">
        <v>5.9959939751275289E-3</v>
      </c>
      <c r="AE96" s="108">
        <v>0.12194513242785499</v>
      </c>
      <c r="AF96" s="92">
        <v>6.4675112093465943E-3</v>
      </c>
      <c r="AG96" s="91">
        <v>2.9257786194288496E-2</v>
      </c>
      <c r="AH96" s="92">
        <v>3.3393260083266017E-3</v>
      </c>
    </row>
    <row r="97" spans="1:34">
      <c r="A97" s="40" t="s">
        <v>352</v>
      </c>
      <c r="B97" s="78">
        <v>3707</v>
      </c>
      <c r="C97" s="42">
        <v>3.6431446113090811</v>
      </c>
      <c r="D97" s="43">
        <v>6.6689194060784218E-2</v>
      </c>
      <c r="E97" s="93">
        <v>0.47647208735410329</v>
      </c>
      <c r="F97" s="89">
        <v>1.6397370494217311E-2</v>
      </c>
      <c r="G97" s="93">
        <v>0.13780336209825444</v>
      </c>
      <c r="H97" s="89">
        <v>1.1330095210914055E-2</v>
      </c>
      <c r="I97" s="93">
        <v>0.35312213933774822</v>
      </c>
      <c r="J97" s="89">
        <v>1.5692867841079195E-2</v>
      </c>
      <c r="K97" s="88">
        <v>3.2602411209894024E-2</v>
      </c>
      <c r="L97" s="89">
        <v>5.8739280815192666E-3</v>
      </c>
      <c r="M97" s="78">
        <v>3775</v>
      </c>
      <c r="N97" s="42">
        <v>3.4146449559148517</v>
      </c>
      <c r="O97" s="43">
        <v>5.5997310724006197E-2</v>
      </c>
      <c r="P97" s="93">
        <v>0.10480111529791597</v>
      </c>
      <c r="Q97" s="89">
        <v>9.9826946460275529E-3</v>
      </c>
      <c r="R97" s="93">
        <v>0.34312200294264111</v>
      </c>
      <c r="S97" s="89">
        <v>1.5447505329471686E-2</v>
      </c>
      <c r="T97" s="93">
        <v>0.47860466573027421</v>
      </c>
      <c r="U97" s="89">
        <v>1.625228489954917E-2</v>
      </c>
      <c r="V97" s="88">
        <v>7.3472216029168771E-2</v>
      </c>
      <c r="W97" s="89">
        <v>8.5124926347808164E-3</v>
      </c>
      <c r="X97" s="78">
        <v>3673</v>
      </c>
      <c r="Y97" s="42">
        <v>2.163001839596332</v>
      </c>
      <c r="Z97" s="43">
        <v>4.2903441087517251E-2</v>
      </c>
      <c r="AA97" s="93">
        <v>0.63246224877067336</v>
      </c>
      <c r="AB97" s="89">
        <v>1.5903294473592011E-2</v>
      </c>
      <c r="AC97" s="93">
        <v>0.15910994803595579</v>
      </c>
      <c r="AD97" s="89">
        <v>1.2075668547078908E-2</v>
      </c>
      <c r="AE97" s="93">
        <v>0.17106281684510571</v>
      </c>
      <c r="AF97" s="89">
        <v>1.2430305465520444E-2</v>
      </c>
      <c r="AG97" s="88">
        <v>3.7364986348263976E-2</v>
      </c>
      <c r="AH97" s="89">
        <v>6.295614559716012E-3</v>
      </c>
    </row>
    <row r="98" spans="1:34">
      <c r="A98" s="44" t="s">
        <v>534</v>
      </c>
      <c r="B98" s="107">
        <v>1690</v>
      </c>
      <c r="C98" s="46">
        <v>3.4363726429102113</v>
      </c>
      <c r="D98" s="47">
        <v>0.10047610504543793</v>
      </c>
      <c r="E98" s="108">
        <v>0.52509965412027237</v>
      </c>
      <c r="F98" s="92">
        <v>2.4265988607972938E-2</v>
      </c>
      <c r="G98" s="108">
        <v>0.13552535462476781</v>
      </c>
      <c r="H98" s="92">
        <v>1.667700267480357E-2</v>
      </c>
      <c r="I98" s="108">
        <v>0.31056791859769339</v>
      </c>
      <c r="J98" s="92">
        <v>2.2494115870904562E-2</v>
      </c>
      <c r="K98" s="91">
        <v>2.880707265726604E-2</v>
      </c>
      <c r="L98" s="92">
        <v>8.2785766393331742E-3</v>
      </c>
      <c r="M98" s="107">
        <v>1701</v>
      </c>
      <c r="N98" s="46">
        <v>3.8050829048174952</v>
      </c>
      <c r="O98" s="47">
        <v>8.7332829509343679E-2</v>
      </c>
      <c r="P98" s="108">
        <v>0.15367341954884436</v>
      </c>
      <c r="Q98" s="92">
        <v>1.7505425565719619E-2</v>
      </c>
      <c r="R98" s="108">
        <v>0.37137562428621185</v>
      </c>
      <c r="S98" s="92">
        <v>2.3406809335845376E-2</v>
      </c>
      <c r="T98" s="108">
        <v>0.38805414138755656</v>
      </c>
      <c r="U98" s="92">
        <v>2.3606095755964944E-2</v>
      </c>
      <c r="V98" s="91">
        <v>8.6896814777386866E-2</v>
      </c>
      <c r="W98" s="92">
        <v>1.3712211122224687E-2</v>
      </c>
      <c r="X98" s="107">
        <v>1693</v>
      </c>
      <c r="Y98" s="46">
        <v>1.9606796808524871</v>
      </c>
      <c r="Z98" s="47">
        <v>5.8930245818741102E-2</v>
      </c>
      <c r="AA98" s="108">
        <v>0.69683185082927923</v>
      </c>
      <c r="AB98" s="92">
        <v>2.2324528157920069E-2</v>
      </c>
      <c r="AC98" s="108">
        <v>0.13525072707741143</v>
      </c>
      <c r="AD98" s="92">
        <v>1.664807244944114E-2</v>
      </c>
      <c r="AE98" s="108">
        <v>0.13892551676741902</v>
      </c>
      <c r="AF98" s="92">
        <v>1.6834954390971213E-2</v>
      </c>
      <c r="AG98" s="91">
        <v>2.8991905325890729E-2</v>
      </c>
      <c r="AH98" s="92">
        <v>8.2956536754575008E-3</v>
      </c>
    </row>
    <row r="99" spans="1:34">
      <c r="A99" s="40" t="s">
        <v>535</v>
      </c>
      <c r="B99" s="78">
        <v>918</v>
      </c>
      <c r="C99" s="42">
        <v>3.077072367643134</v>
      </c>
      <c r="D99" s="43">
        <v>0.13332275755214698</v>
      </c>
      <c r="E99" s="93">
        <v>0.60871903186569465</v>
      </c>
      <c r="F99" s="89">
        <v>3.2152194191484539E-2</v>
      </c>
      <c r="G99" s="93">
        <v>0.11435573321980115</v>
      </c>
      <c r="H99" s="89">
        <v>2.1094367608777385E-2</v>
      </c>
      <c r="I99" s="93">
        <v>0.24902222674801752</v>
      </c>
      <c r="J99" s="89">
        <v>2.8525250173938532E-2</v>
      </c>
      <c r="K99" s="88">
        <v>2.7903008166486783E-2</v>
      </c>
      <c r="L99" s="89">
        <v>1.1227113105966451E-2</v>
      </c>
      <c r="M99" s="78">
        <v>921</v>
      </c>
      <c r="N99" s="42">
        <v>4.3297099315170033</v>
      </c>
      <c r="O99" s="43">
        <v>0.11680597176108404</v>
      </c>
      <c r="P99" s="93">
        <v>0.25581720917658474</v>
      </c>
      <c r="Q99" s="89">
        <v>2.8730947804074369E-2</v>
      </c>
      <c r="R99" s="93">
        <v>0.41227224943099372</v>
      </c>
      <c r="S99" s="89">
        <v>3.237418118639928E-2</v>
      </c>
      <c r="T99" s="93">
        <v>0.27786813517855785</v>
      </c>
      <c r="U99" s="89">
        <v>2.9488120077704873E-2</v>
      </c>
      <c r="V99" s="88">
        <v>5.404240621386297E-2</v>
      </c>
      <c r="W99" s="89">
        <v>1.5115860012307983E-2</v>
      </c>
      <c r="X99" s="78">
        <v>931</v>
      </c>
      <c r="Y99" s="42">
        <v>1.8311345441247657</v>
      </c>
      <c r="Z99" s="43">
        <v>7.6254783592783246E-2</v>
      </c>
      <c r="AA99" s="93">
        <v>0.74154804857399104</v>
      </c>
      <c r="AB99" s="89">
        <v>2.867130223244839E-2</v>
      </c>
      <c r="AC99" s="93">
        <v>0.11388039535586968</v>
      </c>
      <c r="AD99" s="89">
        <v>2.0908207281802628E-2</v>
      </c>
      <c r="AE99" s="93">
        <v>0.12432376053807413</v>
      </c>
      <c r="AF99" s="89">
        <v>2.1700176896522965E-2</v>
      </c>
      <c r="AG99" s="88">
        <v>2.0247795532064895E-2</v>
      </c>
      <c r="AH99" s="89">
        <v>9.6578718999682459E-3</v>
      </c>
    </row>
    <row r="100" spans="1:34">
      <c r="A100" s="44" t="s">
        <v>536</v>
      </c>
      <c r="B100" s="107">
        <v>196</v>
      </c>
      <c r="C100" s="46">
        <v>2.8067903559931651</v>
      </c>
      <c r="D100" s="47">
        <v>0.29011894106321579</v>
      </c>
      <c r="E100" s="108">
        <v>0.64874192662943475</v>
      </c>
      <c r="F100" s="92">
        <v>6.7639035479191506E-2</v>
      </c>
      <c r="G100" s="108">
        <v>0.10870253363082083</v>
      </c>
      <c r="H100" s="92">
        <v>4.5376116100359201E-2</v>
      </c>
      <c r="I100" s="108">
        <v>0.21164122187069595</v>
      </c>
      <c r="J100" s="92">
        <v>5.8333864291468661E-2</v>
      </c>
      <c r="K100" s="91">
        <v>3.0914317869048493E-2</v>
      </c>
      <c r="L100" s="92">
        <v>2.7810883249576313E-2</v>
      </c>
      <c r="M100" s="107">
        <v>197</v>
      </c>
      <c r="N100" s="46">
        <v>3.4552940915987791</v>
      </c>
      <c r="O100" s="47">
        <v>0.27667696954595306</v>
      </c>
      <c r="P100" s="108">
        <v>0.15843542891027154</v>
      </c>
      <c r="Q100" s="92">
        <v>5.2391727250583796E-2</v>
      </c>
      <c r="R100" s="108">
        <v>0.29239515098450714</v>
      </c>
      <c r="S100" s="92">
        <v>6.4429925949853556E-2</v>
      </c>
      <c r="T100" s="108">
        <v>0.47533435891844661</v>
      </c>
      <c r="U100" s="92">
        <v>7.0452069715055549E-2</v>
      </c>
      <c r="V100" s="91">
        <v>7.3835061186774104E-2</v>
      </c>
      <c r="W100" s="92">
        <v>3.8772211150169274E-2</v>
      </c>
      <c r="X100" s="107">
        <v>198</v>
      </c>
      <c r="Y100" s="46">
        <v>1.5852505626701923</v>
      </c>
      <c r="Z100" s="47">
        <v>0.13826103431432943</v>
      </c>
      <c r="AA100" s="108">
        <v>0.81381432524307018</v>
      </c>
      <c r="AB100" s="92">
        <v>5.5469575845789813E-2</v>
      </c>
      <c r="AC100" s="108">
        <v>9.0813035384406979E-2</v>
      </c>
      <c r="AD100" s="92">
        <v>4.2011649124867802E-2</v>
      </c>
      <c r="AE100" s="108">
        <v>7.6207481389090143E-2</v>
      </c>
      <c r="AF100" s="92">
        <v>3.9160080670152739E-2</v>
      </c>
      <c r="AG100" s="91">
        <v>1.9165157983432986E-2</v>
      </c>
      <c r="AH100" s="92">
        <v>2.3489503317784689E-2</v>
      </c>
    </row>
    <row r="101" spans="1:34">
      <c r="A101" s="40" t="s">
        <v>537</v>
      </c>
      <c r="B101" s="78">
        <v>73</v>
      </c>
      <c r="C101" s="42">
        <v>2.9929853961037347</v>
      </c>
      <c r="D101" s="43">
        <v>0.52779694688341694</v>
      </c>
      <c r="E101" s="93">
        <v>0.61053809457492436</v>
      </c>
      <c r="F101" s="89">
        <v>0.11142939726998673</v>
      </c>
      <c r="G101" s="93">
        <v>0.11244865272408246</v>
      </c>
      <c r="H101" s="89">
        <v>7.7292972156846773E-2</v>
      </c>
      <c r="I101" s="93">
        <v>0.2465205665680438</v>
      </c>
      <c r="J101" s="89">
        <v>9.9935122057221756E-2</v>
      </c>
      <c r="K101" s="88">
        <v>3.0492686132949504E-2</v>
      </c>
      <c r="L101" s="89">
        <v>5.1909295660739395E-2</v>
      </c>
      <c r="M101" s="78">
        <v>72</v>
      </c>
      <c r="N101" s="42">
        <v>3.7300132152935208</v>
      </c>
      <c r="O101" s="43">
        <v>0.46063885661141313</v>
      </c>
      <c r="P101" s="93">
        <v>0.21338137627750089</v>
      </c>
      <c r="Q101" s="89">
        <v>9.631898614911974E-2</v>
      </c>
      <c r="R101" s="93">
        <v>0.30778445773397856</v>
      </c>
      <c r="S101" s="89">
        <v>0.10682991350065602</v>
      </c>
      <c r="T101" s="93">
        <v>0.43911884842489995</v>
      </c>
      <c r="U101" s="89">
        <v>0.11394213154116983</v>
      </c>
      <c r="V101" s="88">
        <v>3.971531756362081E-2</v>
      </c>
      <c r="W101" s="89">
        <v>5.612598506317476E-2</v>
      </c>
      <c r="X101" s="78">
        <v>73</v>
      </c>
      <c r="Y101" s="42">
        <v>1.6609829810317864</v>
      </c>
      <c r="Z101" s="43">
        <v>0.24469779020263654</v>
      </c>
      <c r="AA101" s="93">
        <v>0.79001468591999813</v>
      </c>
      <c r="AB101" s="89">
        <v>9.5183501251004707E-2</v>
      </c>
      <c r="AC101" s="93">
        <v>0.10467700029888757</v>
      </c>
      <c r="AD101" s="89">
        <v>7.543291490667936E-2</v>
      </c>
      <c r="AE101" s="93">
        <v>7.804436806233038E-2</v>
      </c>
      <c r="AF101" s="89">
        <v>6.8365447198163551E-2</v>
      </c>
      <c r="AG101" s="88">
        <v>2.7263945718784169E-2</v>
      </c>
      <c r="AH101" s="89">
        <v>5.0522556662963944E-2</v>
      </c>
    </row>
    <row r="102" spans="1:34">
      <c r="A102" s="44" t="s">
        <v>546</v>
      </c>
      <c r="B102" s="107">
        <v>780</v>
      </c>
      <c r="C102" s="46">
        <v>3.5807728483932113</v>
      </c>
      <c r="D102" s="47">
        <v>0.14839226651038911</v>
      </c>
      <c r="E102" s="108">
        <v>0.49105323107445664</v>
      </c>
      <c r="F102" s="92">
        <v>3.5708625981869309E-2</v>
      </c>
      <c r="G102" s="108">
        <v>0.143730489451972</v>
      </c>
      <c r="H102" s="92">
        <v>2.5189477387052257E-2</v>
      </c>
      <c r="I102" s="108">
        <v>0.33619170436456658</v>
      </c>
      <c r="J102" s="92">
        <v>3.3763882369657772E-2</v>
      </c>
      <c r="K102" s="91">
        <v>2.9024575109006304E-2</v>
      </c>
      <c r="L102" s="92">
        <v>1.2462151373904287E-2</v>
      </c>
      <c r="M102" s="107">
        <v>788</v>
      </c>
      <c r="N102" s="46">
        <v>3.5685880270742087</v>
      </c>
      <c r="O102" s="47">
        <v>0.12138335805457068</v>
      </c>
      <c r="P102" s="108">
        <v>0.10986351548715215</v>
      </c>
      <c r="Q102" s="92">
        <v>2.2397587373103968E-2</v>
      </c>
      <c r="R102" s="108">
        <v>0.35491194200400178</v>
      </c>
      <c r="S102" s="92">
        <v>3.4020311093166701E-2</v>
      </c>
      <c r="T102" s="108">
        <v>0.43423290353024507</v>
      </c>
      <c r="U102" s="92">
        <v>3.522784916920748E-2</v>
      </c>
      <c r="V102" s="91">
        <v>0.10099163897860212</v>
      </c>
      <c r="W102" s="92">
        <v>2.1602051101396524E-2</v>
      </c>
      <c r="X102" s="107">
        <v>770</v>
      </c>
      <c r="Y102" s="46">
        <v>2.014768783949819</v>
      </c>
      <c r="Z102" s="47">
        <v>9.0132248465667392E-2</v>
      </c>
      <c r="AA102" s="108">
        <v>0.67780375438938689</v>
      </c>
      <c r="AB102" s="92">
        <v>3.3619834037681505E-2</v>
      </c>
      <c r="AC102" s="108">
        <v>0.14508436657407306</v>
      </c>
      <c r="AD102" s="92">
        <v>2.5450310692741635E-2</v>
      </c>
      <c r="AE102" s="108">
        <v>0.14447724809434326</v>
      </c>
      <c r="AF102" s="92">
        <v>2.5406933083645413E-2</v>
      </c>
      <c r="AG102" s="91">
        <v>3.2634630942198373E-2</v>
      </c>
      <c r="AH102" s="92">
        <v>1.3220737066792283E-2</v>
      </c>
    </row>
    <row r="103" spans="1:34">
      <c r="A103" s="40" t="s">
        <v>547</v>
      </c>
      <c r="B103" s="78">
        <v>125</v>
      </c>
      <c r="C103" s="42">
        <v>3.5399363191842914</v>
      </c>
      <c r="D103" s="43">
        <v>0.39046064535486064</v>
      </c>
      <c r="E103" s="93">
        <v>0.50211144294960575</v>
      </c>
      <c r="F103" s="89">
        <v>8.8044353515834936E-2</v>
      </c>
      <c r="G103" s="93">
        <v>0.10338655780846823</v>
      </c>
      <c r="H103" s="89">
        <v>5.6321808191960712E-2</v>
      </c>
      <c r="I103" s="93">
        <v>0.34180224413622573</v>
      </c>
      <c r="J103" s="89">
        <v>8.3805133953181954E-2</v>
      </c>
      <c r="K103" s="88">
        <v>5.2699755105701074E-2</v>
      </c>
      <c r="L103" s="89">
        <v>4.3894880702365434E-2</v>
      </c>
      <c r="M103" s="78">
        <v>127</v>
      </c>
      <c r="N103" s="42">
        <v>3.7186048266151186</v>
      </c>
      <c r="O103" s="43">
        <v>0.32844991520728256</v>
      </c>
      <c r="P103" s="93">
        <v>0.12050841246888065</v>
      </c>
      <c r="Q103" s="89">
        <v>5.9166372748620376E-2</v>
      </c>
      <c r="R103" s="93">
        <v>0.34888891769486319</v>
      </c>
      <c r="S103" s="89">
        <v>8.3536092300855097E-2</v>
      </c>
      <c r="T103" s="93">
        <v>0.38133660308656236</v>
      </c>
      <c r="U103" s="89">
        <v>8.5026404226484442E-2</v>
      </c>
      <c r="V103" s="88">
        <v>0.14926606674969439</v>
      </c>
      <c r="W103" s="89">
        <v>6.4057068850069523E-2</v>
      </c>
      <c r="X103" s="78">
        <v>127</v>
      </c>
      <c r="Y103" s="42">
        <v>1.8212413250272164</v>
      </c>
      <c r="Z103" s="43">
        <v>0.20109798426990591</v>
      </c>
      <c r="AA103" s="93">
        <v>0.70756544052280579</v>
      </c>
      <c r="AB103" s="89">
        <v>7.9982339137406419E-2</v>
      </c>
      <c r="AC103" s="93">
        <v>0.17643814388617732</v>
      </c>
      <c r="AD103" s="89">
        <v>6.803760458633451E-2</v>
      </c>
      <c r="AE103" s="93">
        <v>9.3841414022053329E-2</v>
      </c>
      <c r="AF103" s="89">
        <v>5.3846143480514051E-2</v>
      </c>
      <c r="AG103" s="88">
        <v>2.2155001568963741E-2</v>
      </c>
      <c r="AH103" s="89">
        <v>3.2875171223488257E-2</v>
      </c>
    </row>
    <row r="104" spans="1:34">
      <c r="A104" s="44" t="s">
        <v>548</v>
      </c>
      <c r="B104" s="107">
        <v>97</v>
      </c>
      <c r="C104" s="46">
        <v>3.1531163339806323</v>
      </c>
      <c r="D104" s="47">
        <v>0.40318820975734382</v>
      </c>
      <c r="E104" s="108">
        <v>0.57346042060568581</v>
      </c>
      <c r="F104" s="92">
        <v>9.8508187870906885E-2</v>
      </c>
      <c r="G104" s="108">
        <v>8.9953692161997001E-2</v>
      </c>
      <c r="H104" s="92">
        <v>6.1311141175096472E-2</v>
      </c>
      <c r="I104" s="108">
        <v>0.2867704460707215</v>
      </c>
      <c r="J104" s="92">
        <v>9.0775138974053468E-2</v>
      </c>
      <c r="K104" s="91">
        <v>4.9815441161595038E-2</v>
      </c>
      <c r="L104" s="92">
        <v>4.9977717732022066E-2</v>
      </c>
      <c r="M104" s="107">
        <v>98</v>
      </c>
      <c r="N104" s="46">
        <v>3.7320316937600881</v>
      </c>
      <c r="O104" s="47">
        <v>0.36277373985004252</v>
      </c>
      <c r="P104" s="108">
        <v>0.13098918356444358</v>
      </c>
      <c r="Q104" s="92">
        <v>6.9818118711625021E-2</v>
      </c>
      <c r="R104" s="108">
        <v>0.390226425760342</v>
      </c>
      <c r="S104" s="92">
        <v>9.6786878744023669E-2</v>
      </c>
      <c r="T104" s="108">
        <v>0.40226765160200062</v>
      </c>
      <c r="U104" s="92">
        <v>9.7253024545318242E-2</v>
      </c>
      <c r="V104" s="91">
        <v>7.6516739073213269E-2</v>
      </c>
      <c r="W104" s="92">
        <v>5.7548567800188494E-2</v>
      </c>
      <c r="X104" s="107">
        <v>99</v>
      </c>
      <c r="Y104" s="46">
        <v>2.2124265589357743</v>
      </c>
      <c r="Z104" s="47">
        <v>0.27722483338875453</v>
      </c>
      <c r="AA104" s="108">
        <v>0.64238632585790312</v>
      </c>
      <c r="AB104" s="92">
        <v>9.4770079931989826E-2</v>
      </c>
      <c r="AC104" s="108">
        <v>0.10393032346169052</v>
      </c>
      <c r="AD104" s="92">
        <v>6.3879861601926782E-2</v>
      </c>
      <c r="AE104" s="108">
        <v>0.23316865323415151</v>
      </c>
      <c r="AF104" s="92">
        <v>8.4583197467593393E-2</v>
      </c>
      <c r="AG104" s="91">
        <v>2.0514697446254199E-2</v>
      </c>
      <c r="AH104" s="92">
        <v>3.8214468687099178E-2</v>
      </c>
    </row>
    <row r="105" spans="1:34">
      <c r="A105" s="40" t="s">
        <v>538</v>
      </c>
      <c r="B105" s="105">
        <v>126</v>
      </c>
      <c r="C105" s="42">
        <v>3.5566586011753913</v>
      </c>
      <c r="D105" s="43">
        <v>0.35936739945870277</v>
      </c>
      <c r="E105" s="106">
        <v>0.50445269628448242</v>
      </c>
      <c r="F105" s="89">
        <v>8.7702534796753037E-2</v>
      </c>
      <c r="G105" s="106">
        <v>0.14320237591363913</v>
      </c>
      <c r="H105" s="89">
        <v>6.334497885569397E-2</v>
      </c>
      <c r="I105" s="106">
        <v>0.33406680096886682</v>
      </c>
      <c r="J105" s="89">
        <v>8.304484335526946E-2</v>
      </c>
      <c r="K105" s="88">
        <v>1.8278126833012168E-2</v>
      </c>
      <c r="L105" s="89">
        <v>3.13808888036608E-2</v>
      </c>
      <c r="M105" s="105">
        <v>124</v>
      </c>
      <c r="N105" s="42">
        <v>4.6505764849714222</v>
      </c>
      <c r="O105" s="43">
        <v>0.26781772838796447</v>
      </c>
      <c r="P105" s="106">
        <v>0.27477001268068879</v>
      </c>
      <c r="Q105" s="89">
        <v>7.9528384754776554E-2</v>
      </c>
      <c r="R105" s="106">
        <v>0.48647415394852944</v>
      </c>
      <c r="S105" s="89">
        <v>8.8357991133707611E-2</v>
      </c>
      <c r="T105" s="106">
        <v>0.18447897309653599</v>
      </c>
      <c r="U105" s="89">
        <v>6.9948944829892667E-2</v>
      </c>
      <c r="V105" s="88">
        <v>5.4276860274246407E-2</v>
      </c>
      <c r="W105" s="89">
        <v>4.4565152352203062E-2</v>
      </c>
      <c r="X105" s="105">
        <v>127</v>
      </c>
      <c r="Y105" s="42">
        <v>1.9505410703665245</v>
      </c>
      <c r="Z105" s="43">
        <v>0.22602616531377867</v>
      </c>
      <c r="AA105" s="106">
        <v>0.70536082303648984</v>
      </c>
      <c r="AB105" s="89">
        <v>8.0145491167233629E-2</v>
      </c>
      <c r="AC105" s="106">
        <v>0.11557383176076749</v>
      </c>
      <c r="AD105" s="89">
        <v>5.8244989568159614E-2</v>
      </c>
      <c r="AE105" s="106">
        <v>0.16654096858279629</v>
      </c>
      <c r="AF105" s="89">
        <v>6.6652094786241387E-2</v>
      </c>
      <c r="AG105" s="88">
        <v>1.252437661994746E-2</v>
      </c>
      <c r="AH105" s="89">
        <v>2.8530347124073163E-2</v>
      </c>
    </row>
    <row r="106" spans="1:34">
      <c r="A106" s="44" t="s">
        <v>539</v>
      </c>
      <c r="B106" s="107">
        <v>97</v>
      </c>
      <c r="C106" s="46">
        <v>3.7495169677126321</v>
      </c>
      <c r="D106" s="47">
        <v>0.40569752356731847</v>
      </c>
      <c r="E106" s="108">
        <v>0.4733043040481415</v>
      </c>
      <c r="F106" s="92">
        <v>9.9372819432616777E-2</v>
      </c>
      <c r="G106" s="108">
        <v>0.13983196134111747</v>
      </c>
      <c r="H106" s="92">
        <v>7.1849802605635366E-2</v>
      </c>
      <c r="I106" s="108">
        <v>0.37603477611984171</v>
      </c>
      <c r="J106" s="92">
        <v>9.6641777633756851E-2</v>
      </c>
      <c r="K106" s="91">
        <v>1.0828958490898927E-2</v>
      </c>
      <c r="L106" s="92">
        <v>3.4058716958138072E-2</v>
      </c>
      <c r="M106" s="107">
        <v>95</v>
      </c>
      <c r="N106" s="46">
        <v>4.5803706709166248</v>
      </c>
      <c r="O106" s="47">
        <v>0.31173341008369332</v>
      </c>
      <c r="P106" s="108">
        <v>0.26756168379337986</v>
      </c>
      <c r="Q106" s="92">
        <v>8.9949501925149222E-2</v>
      </c>
      <c r="R106" s="108">
        <v>0.47467921759407905</v>
      </c>
      <c r="S106" s="92">
        <v>0.10038504069386861</v>
      </c>
      <c r="T106" s="108">
        <v>0.20555236886825196</v>
      </c>
      <c r="U106" s="92">
        <v>8.2917768595904426E-2</v>
      </c>
      <c r="V106" s="91">
        <v>5.2206729744288777E-2</v>
      </c>
      <c r="W106" s="92">
        <v>5.1387764647472724E-2</v>
      </c>
      <c r="X106" s="107">
        <v>97</v>
      </c>
      <c r="Y106" s="46">
        <v>2.0236628122280456</v>
      </c>
      <c r="Z106" s="47">
        <v>0.27054714801206053</v>
      </c>
      <c r="AA106" s="108">
        <v>0.67378931943039211</v>
      </c>
      <c r="AB106" s="92">
        <v>9.3796112465633227E-2</v>
      </c>
      <c r="AC106" s="108">
        <v>0.1262062567645926</v>
      </c>
      <c r="AD106" s="92">
        <v>6.9260923764169161E-2</v>
      </c>
      <c r="AE106" s="108">
        <v>0.18515434381798201</v>
      </c>
      <c r="AF106" s="92">
        <v>7.9246061057462056E-2</v>
      </c>
      <c r="AG106" s="91">
        <v>1.4850079987033462E-2</v>
      </c>
      <c r="AH106" s="92">
        <v>3.6098647197334244E-2</v>
      </c>
    </row>
    <row r="107" spans="1:34">
      <c r="A107" s="40" t="s">
        <v>540</v>
      </c>
      <c r="B107" s="78">
        <v>259</v>
      </c>
      <c r="C107" s="42">
        <v>2.9414018495224581</v>
      </c>
      <c r="D107" s="43">
        <v>0.24491796865848123</v>
      </c>
      <c r="E107" s="93">
        <v>0.63072862027418986</v>
      </c>
      <c r="F107" s="89">
        <v>5.958358945397764E-2</v>
      </c>
      <c r="G107" s="93">
        <v>0.11404098227158034</v>
      </c>
      <c r="H107" s="89">
        <v>4.0063146726077484E-2</v>
      </c>
      <c r="I107" s="93">
        <v>0.23403020973796704</v>
      </c>
      <c r="J107" s="89">
        <v>5.2524916007834252E-2</v>
      </c>
      <c r="K107" s="93">
        <v>2.1200187716261448E-2</v>
      </c>
      <c r="L107" s="89">
        <v>2.0514697289231942E-2</v>
      </c>
      <c r="M107" s="78">
        <v>260</v>
      </c>
      <c r="N107" s="42">
        <v>4.9575879211999601</v>
      </c>
      <c r="O107" s="43">
        <v>0.19526651863563196</v>
      </c>
      <c r="P107" s="93">
        <v>0.36559119390473765</v>
      </c>
      <c r="Q107" s="89">
        <v>5.9349704729961122E-2</v>
      </c>
      <c r="R107" s="93">
        <v>0.45046800802805015</v>
      </c>
      <c r="S107" s="89">
        <v>6.1252132251184588E-2</v>
      </c>
      <c r="T107" s="93">
        <v>0.14643814151634063</v>
      </c>
      <c r="U107" s="89">
        <v>4.4167960250091558E-2</v>
      </c>
      <c r="V107" s="93">
        <v>3.7502656550870615E-2</v>
      </c>
      <c r="W107" s="89">
        <v>2.5384627554302885E-2</v>
      </c>
      <c r="X107" s="78">
        <v>263</v>
      </c>
      <c r="Y107" s="42">
        <v>1.6333892423598915</v>
      </c>
      <c r="Z107" s="43">
        <v>0.13378994772862732</v>
      </c>
      <c r="AA107" s="93">
        <v>0.80194246874766406</v>
      </c>
      <c r="AB107" s="89">
        <v>4.9194553263442957E-2</v>
      </c>
      <c r="AC107" s="93">
        <v>9.4817548302888785E-2</v>
      </c>
      <c r="AD107" s="89">
        <v>3.6863828765672617E-2</v>
      </c>
      <c r="AE107" s="93">
        <v>8.1950603416561643E-2</v>
      </c>
      <c r="AF107" s="89">
        <v>3.4712708844621604E-2</v>
      </c>
      <c r="AG107" s="93">
        <v>2.1289379532883658E-2</v>
      </c>
      <c r="AH107" s="89">
        <v>2.0353078695122033E-2</v>
      </c>
    </row>
    <row r="108" spans="1:34" ht="25.5">
      <c r="A108" s="44" t="s">
        <v>541</v>
      </c>
      <c r="B108" s="107">
        <v>113</v>
      </c>
      <c r="C108" s="46">
        <v>2.636416257540839</v>
      </c>
      <c r="D108" s="47">
        <v>0.36751690164851142</v>
      </c>
      <c r="E108" s="108">
        <v>0.71661939872320513</v>
      </c>
      <c r="F108" s="92">
        <v>8.3967772921473477E-2</v>
      </c>
      <c r="G108" s="108">
        <v>7.0659024717373592E-2</v>
      </c>
      <c r="H108" s="92">
        <v>5.1657943211475321E-2</v>
      </c>
      <c r="I108" s="108">
        <v>0.20074526611525401</v>
      </c>
      <c r="J108" s="92">
        <v>7.5439507980791007E-2</v>
      </c>
      <c r="K108" s="91">
        <v>1.1976310444168057E-2</v>
      </c>
      <c r="L108" s="92">
        <v>3.0850859842573533E-2</v>
      </c>
      <c r="M108" s="107">
        <v>114</v>
      </c>
      <c r="N108" s="46">
        <v>5.2064883786795706</v>
      </c>
      <c r="O108" s="47">
        <v>0.28282360083484759</v>
      </c>
      <c r="P108" s="108">
        <v>0.45238481180563034</v>
      </c>
      <c r="Q108" s="92">
        <v>9.1667027787304844E-2</v>
      </c>
      <c r="R108" s="108">
        <v>0.43481564032647407</v>
      </c>
      <c r="S108" s="92">
        <v>9.1324377088960726E-2</v>
      </c>
      <c r="T108" s="108">
        <v>0.10048754201448919</v>
      </c>
      <c r="U108" s="92">
        <v>5.8520580009867353E-2</v>
      </c>
      <c r="V108" s="91">
        <v>1.2312005853407254E-2</v>
      </c>
      <c r="W108" s="92">
        <v>3.0814830974735467E-2</v>
      </c>
      <c r="X108" s="107">
        <v>114</v>
      </c>
      <c r="Y108" s="46">
        <v>1.5769172780434897</v>
      </c>
      <c r="Z108" s="47">
        <v>0.20499381994639793</v>
      </c>
      <c r="AA108" s="108">
        <v>0.83260761690587481</v>
      </c>
      <c r="AB108" s="92">
        <v>7.0529532925398639E-2</v>
      </c>
      <c r="AC108" s="108">
        <v>5.4889538396995674E-2</v>
      </c>
      <c r="AD108" s="92">
        <v>4.6969555278823745E-2</v>
      </c>
      <c r="AE108" s="108">
        <v>8.4970030139479014E-2</v>
      </c>
      <c r="AF108" s="92">
        <v>5.4997735028339559E-2</v>
      </c>
      <c r="AG108" s="91">
        <v>2.7532814557651483E-2</v>
      </c>
      <c r="AH108" s="92">
        <v>3.7575761353272036E-2</v>
      </c>
    </row>
    <row r="109" spans="1:34" ht="25.5">
      <c r="A109" s="52" t="s">
        <v>549</v>
      </c>
      <c r="B109" s="105">
        <v>67</v>
      </c>
      <c r="C109" s="42">
        <v>2.9434280163781441</v>
      </c>
      <c r="D109" s="43">
        <v>0.47617782964328254</v>
      </c>
      <c r="E109" s="106">
        <v>0.62170678259713186</v>
      </c>
      <c r="F109" s="89">
        <v>0.11550488390504521</v>
      </c>
      <c r="G109" s="106">
        <v>0.16428141334936078</v>
      </c>
      <c r="H109" s="89">
        <v>9.1815699810855855E-2</v>
      </c>
      <c r="I109" s="106">
        <v>0.17556606208426684</v>
      </c>
      <c r="J109" s="89">
        <v>9.3828888998269022E-2</v>
      </c>
      <c r="K109" s="88">
        <v>3.8445741969240575E-2</v>
      </c>
      <c r="L109" s="89">
        <v>5.8283015716603007E-2</v>
      </c>
      <c r="M109" s="105">
        <v>66</v>
      </c>
      <c r="N109" s="42">
        <v>5.1934876806608434</v>
      </c>
      <c r="O109" s="43">
        <v>0.35510875073992615</v>
      </c>
      <c r="P109" s="106">
        <v>0.40541376349321856</v>
      </c>
      <c r="Q109" s="89">
        <v>0.11760629093411988</v>
      </c>
      <c r="R109" s="106">
        <v>0.4868221107329409</v>
      </c>
      <c r="S109" s="89">
        <v>0.11948595199662718</v>
      </c>
      <c r="T109" s="106">
        <v>8.3080823384022826E-2</v>
      </c>
      <c r="U109" s="89">
        <v>7.3863250143410303E-2</v>
      </c>
      <c r="V109" s="88">
        <v>2.4683302389817779E-2</v>
      </c>
      <c r="W109" s="89">
        <v>5.2999422963377577E-2</v>
      </c>
      <c r="X109" s="105">
        <v>68</v>
      </c>
      <c r="Y109" s="42">
        <v>1.725934073215565</v>
      </c>
      <c r="Z109" s="43">
        <v>0.24385200235158735</v>
      </c>
      <c r="AA109" s="106">
        <v>0.79467171370977097</v>
      </c>
      <c r="AB109" s="89">
        <v>9.7908267260155363E-2</v>
      </c>
      <c r="AC109" s="106">
        <v>0.10630866323817868</v>
      </c>
      <c r="AD109" s="89">
        <v>7.879304402334375E-2</v>
      </c>
      <c r="AE109" s="106">
        <v>9.6617514544833624E-2</v>
      </c>
      <c r="AF109" s="89">
        <v>7.6325352761894547E-2</v>
      </c>
      <c r="AG109" s="88">
        <v>2.4021085072168254E-3</v>
      </c>
      <c r="AH109" s="89">
        <v>4.0237936430510511E-2</v>
      </c>
    </row>
    <row r="110" spans="1:34">
      <c r="A110" s="44" t="s">
        <v>543</v>
      </c>
      <c r="B110" s="107">
        <v>79</v>
      </c>
      <c r="C110" s="46">
        <v>3.3719726598049675</v>
      </c>
      <c r="D110" s="47">
        <v>0.44922075138158685</v>
      </c>
      <c r="E110" s="108">
        <v>0.51637325095661146</v>
      </c>
      <c r="F110" s="92">
        <v>0.10971093088431756</v>
      </c>
      <c r="G110" s="108">
        <v>0.14168876835310795</v>
      </c>
      <c r="H110" s="92">
        <v>8.0267481078408157E-2</v>
      </c>
      <c r="I110" s="108">
        <v>0.31918542314009274</v>
      </c>
      <c r="J110" s="92">
        <v>0.1030572132902558</v>
      </c>
      <c r="K110" s="91">
        <v>2.275255755018708E-2</v>
      </c>
      <c r="L110" s="92">
        <v>4.5869983387233512E-2</v>
      </c>
      <c r="M110" s="107">
        <v>80</v>
      </c>
      <c r="N110" s="46">
        <v>4.4279984704611595</v>
      </c>
      <c r="O110" s="47">
        <v>0.37463543344756578</v>
      </c>
      <c r="P110" s="108">
        <v>0.22041161168031795</v>
      </c>
      <c r="Q110" s="92">
        <v>9.2349699722536038E-2</v>
      </c>
      <c r="R110" s="108">
        <v>0.44852279550095892</v>
      </c>
      <c r="S110" s="92">
        <v>0.10858318300076808</v>
      </c>
      <c r="T110" s="108">
        <v>0.25061161621504896</v>
      </c>
      <c r="U110" s="92">
        <v>9.6012820391005491E-2</v>
      </c>
      <c r="V110" s="91">
        <v>8.0453976603673621E-2</v>
      </c>
      <c r="W110" s="92">
        <v>6.5590976441708734E-2</v>
      </c>
      <c r="X110" s="107">
        <v>81</v>
      </c>
      <c r="Y110" s="46">
        <v>1.6479551819645084</v>
      </c>
      <c r="Z110" s="47">
        <v>0.25254635328461267</v>
      </c>
      <c r="AA110" s="108">
        <v>0.76497555876305401</v>
      </c>
      <c r="AB110" s="92">
        <v>9.361766022616505E-2</v>
      </c>
      <c r="AC110" s="108">
        <v>0.14162350453054517</v>
      </c>
      <c r="AD110" s="92">
        <v>7.9222618766825348E-2</v>
      </c>
      <c r="AE110" s="108">
        <v>6.8223097413947262E-2</v>
      </c>
      <c r="AF110" s="92">
        <v>6.1625939098456969E-2</v>
      </c>
      <c r="AG110" s="91">
        <v>2.517783929245335E-2</v>
      </c>
      <c r="AH110" s="92">
        <v>4.6152704062245899E-2</v>
      </c>
    </row>
    <row r="111" spans="1:34">
      <c r="A111" s="52" t="s">
        <v>544</v>
      </c>
      <c r="B111" s="105">
        <v>112</v>
      </c>
      <c r="C111" s="42">
        <v>3.1982552424019262</v>
      </c>
      <c r="D111" s="43">
        <v>0.37301235095661894</v>
      </c>
      <c r="E111" s="106">
        <v>0.62998293917833903</v>
      </c>
      <c r="F111" s="89">
        <v>8.9875307685452099E-2</v>
      </c>
      <c r="G111" s="106">
        <v>0.11945041818511122</v>
      </c>
      <c r="H111" s="89">
        <v>6.2971604329406766E-2</v>
      </c>
      <c r="I111" s="106">
        <v>0.23300979589281404</v>
      </c>
      <c r="J111" s="89">
        <v>7.9556441077954357E-2</v>
      </c>
      <c r="K111" s="88">
        <v>1.7556846743735737E-2</v>
      </c>
      <c r="L111" s="89">
        <v>3.3745328552293084E-2</v>
      </c>
      <c r="M111" s="105">
        <v>112</v>
      </c>
      <c r="N111" s="42">
        <v>4.9925884240292158</v>
      </c>
      <c r="O111" s="43">
        <v>0.28066328292724962</v>
      </c>
      <c r="P111" s="106">
        <v>0.38273988022184474</v>
      </c>
      <c r="Q111" s="89">
        <v>9.0436105512767331E-2</v>
      </c>
      <c r="R111" s="106">
        <v>0.44851937075464676</v>
      </c>
      <c r="S111" s="89">
        <v>9.2387745440204158E-2</v>
      </c>
      <c r="T111" s="106">
        <v>0.14840891703652376</v>
      </c>
      <c r="U111" s="89">
        <v>6.8168651018537155E-2</v>
      </c>
      <c r="V111" s="88">
        <v>2.0331831986984648E-2</v>
      </c>
      <c r="W111" s="89">
        <v>3.4993871817265286E-2</v>
      </c>
      <c r="X111" s="105">
        <v>113</v>
      </c>
      <c r="Y111" s="42">
        <v>2.0809672261810488</v>
      </c>
      <c r="Z111" s="43">
        <v>0.23859254198700119</v>
      </c>
      <c r="AA111" s="106">
        <v>0.65885877899055101</v>
      </c>
      <c r="AB111" s="89">
        <v>8.7989886349624874E-2</v>
      </c>
      <c r="AC111" s="106">
        <v>0.16642675027530079</v>
      </c>
      <c r="AD111" s="89">
        <v>7.0700309409465922E-2</v>
      </c>
      <c r="AE111" s="106">
        <v>0.14672865560491505</v>
      </c>
      <c r="AF111" s="89">
        <v>6.758011764852255E-2</v>
      </c>
      <c r="AG111" s="88">
        <v>2.7985815129233083E-2</v>
      </c>
      <c r="AH111" s="89">
        <v>3.7972643541040331E-2</v>
      </c>
    </row>
    <row r="112" spans="1:34">
      <c r="A112" s="44" t="s">
        <v>545</v>
      </c>
      <c r="B112" s="107">
        <v>120</v>
      </c>
      <c r="C112" s="46">
        <v>3.1308780299257326</v>
      </c>
      <c r="D112" s="47">
        <v>0.38866874450919414</v>
      </c>
      <c r="E112" s="108">
        <v>0.60401349927995052</v>
      </c>
      <c r="F112" s="92">
        <v>8.7964054557085461E-2</v>
      </c>
      <c r="G112" s="108">
        <v>0.12618907907398877</v>
      </c>
      <c r="H112" s="92">
        <v>6.1992488036468188E-2</v>
      </c>
      <c r="I112" s="108">
        <v>0.23841426383342484</v>
      </c>
      <c r="J112" s="92">
        <v>7.7442246956041239E-2</v>
      </c>
      <c r="K112" s="91">
        <v>3.1383157812636363E-2</v>
      </c>
      <c r="L112" s="92">
        <v>3.7818580489768841E-2</v>
      </c>
      <c r="M112" s="107">
        <v>122</v>
      </c>
      <c r="N112" s="46">
        <v>4.7507733669993195</v>
      </c>
      <c r="O112" s="47">
        <v>0.28976337820512338</v>
      </c>
      <c r="P112" s="108">
        <v>0.2930589104771259</v>
      </c>
      <c r="Q112" s="92">
        <v>8.1620735288476493E-2</v>
      </c>
      <c r="R112" s="108">
        <v>0.48503400989231676</v>
      </c>
      <c r="S112" s="92">
        <v>8.9049658772606358E-2</v>
      </c>
      <c r="T112" s="108">
        <v>0.17556289289982563</v>
      </c>
      <c r="U112" s="92">
        <v>6.9308974839936033E-2</v>
      </c>
      <c r="V112" s="91">
        <v>4.6344186730732109E-2</v>
      </c>
      <c r="W112" s="92">
        <v>4.255934683555674E-2</v>
      </c>
      <c r="X112" s="107">
        <v>123</v>
      </c>
      <c r="Y112" s="46">
        <v>1.7293903266100787</v>
      </c>
      <c r="Z112" s="47">
        <v>0.20272311893891015</v>
      </c>
      <c r="AA112" s="108">
        <v>0.77621722950289751</v>
      </c>
      <c r="AB112" s="92">
        <v>7.4966533420322432E-2</v>
      </c>
      <c r="AC112" s="108">
        <v>0.10939202384461258</v>
      </c>
      <c r="AD112" s="92">
        <v>5.8021188778904734E-2</v>
      </c>
      <c r="AE112" s="108">
        <v>9.3913746087474465E-2</v>
      </c>
      <c r="AF112" s="92">
        <v>5.4791846528308194E-2</v>
      </c>
      <c r="AG112" s="91">
        <v>2.0477000565015665E-2</v>
      </c>
      <c r="AH112" s="92">
        <v>3.2874921422728541E-2</v>
      </c>
    </row>
    <row r="119" spans="1:12" ht="18.75">
      <c r="A119" s="335" t="s">
        <v>477</v>
      </c>
      <c r="B119" s="335"/>
      <c r="C119" s="335"/>
      <c r="D119" s="335"/>
      <c r="E119" s="335"/>
      <c r="F119" s="335"/>
      <c r="G119" s="335"/>
      <c r="H119" s="335"/>
      <c r="I119" s="335"/>
      <c r="J119" s="335"/>
      <c r="K119" s="335"/>
      <c r="L119" s="335"/>
    </row>
    <row r="120" spans="1:12" ht="45.75" customHeight="1">
      <c r="A120" s="354" t="s">
        <v>478</v>
      </c>
      <c r="B120" s="354"/>
      <c r="C120" s="354"/>
      <c r="D120" s="354"/>
      <c r="E120" s="354"/>
      <c r="F120" s="354"/>
      <c r="G120" s="354"/>
      <c r="H120" s="354"/>
      <c r="I120" s="354"/>
      <c r="J120" s="354"/>
      <c r="K120" s="354"/>
      <c r="L120" s="354"/>
    </row>
    <row r="121" spans="1:12" ht="45" customHeight="1">
      <c r="A121" s="352" t="s">
        <v>476</v>
      </c>
      <c r="B121" s="353"/>
      <c r="C121" s="353"/>
      <c r="D121" s="353"/>
      <c r="E121" s="353"/>
      <c r="F121" s="353"/>
      <c r="G121" s="353"/>
      <c r="H121" s="353"/>
      <c r="I121" s="353"/>
      <c r="J121" s="353"/>
      <c r="K121" s="353"/>
      <c r="L121" s="353"/>
    </row>
    <row r="122" spans="1:12" ht="72">
      <c r="A122" s="32" t="s">
        <v>71</v>
      </c>
      <c r="B122" s="60" t="s">
        <v>72</v>
      </c>
      <c r="C122" s="60" t="s">
        <v>584</v>
      </c>
      <c r="D122" s="83" t="s">
        <v>73</v>
      </c>
      <c r="E122" s="60" t="s">
        <v>156</v>
      </c>
      <c r="F122" s="83" t="s">
        <v>85</v>
      </c>
      <c r="G122" s="60" t="s">
        <v>157</v>
      </c>
      <c r="H122" s="83" t="s">
        <v>86</v>
      </c>
      <c r="I122" s="60" t="s">
        <v>158</v>
      </c>
      <c r="J122" s="83" t="s">
        <v>87</v>
      </c>
      <c r="K122" s="60" t="s">
        <v>301</v>
      </c>
      <c r="L122" s="83" t="s">
        <v>300</v>
      </c>
    </row>
    <row r="123" spans="1:12" ht="72">
      <c r="A123" s="36"/>
      <c r="B123" s="63" t="s">
        <v>74</v>
      </c>
      <c r="C123" s="63" t="s">
        <v>302</v>
      </c>
      <c r="D123" s="85" t="s">
        <v>76</v>
      </c>
      <c r="E123" s="63" t="s">
        <v>159</v>
      </c>
      <c r="F123" s="85" t="s">
        <v>88</v>
      </c>
      <c r="G123" s="63" t="s">
        <v>160</v>
      </c>
      <c r="H123" s="85" t="s">
        <v>88</v>
      </c>
      <c r="I123" s="63" t="s">
        <v>161</v>
      </c>
      <c r="J123" s="85" t="s">
        <v>88</v>
      </c>
      <c r="K123" s="63" t="s">
        <v>301</v>
      </c>
      <c r="L123" s="85" t="s">
        <v>88</v>
      </c>
    </row>
    <row r="124" spans="1:12">
      <c r="A124" s="40" t="s">
        <v>350</v>
      </c>
      <c r="B124" s="105">
        <v>13874</v>
      </c>
      <c r="C124" s="42">
        <v>5.0634827782403242</v>
      </c>
      <c r="D124" s="43">
        <v>2.7159998507101851E-2</v>
      </c>
      <c r="E124" s="106">
        <v>0.15727631081079141</v>
      </c>
      <c r="F124" s="89">
        <v>6.1823231189941574E-3</v>
      </c>
      <c r="G124" s="106">
        <v>0.16470468259302579</v>
      </c>
      <c r="H124" s="89">
        <v>6.2985676792330471E-3</v>
      </c>
      <c r="I124" s="106">
        <v>0.66027281990802011</v>
      </c>
      <c r="J124" s="89">
        <v>8.040957064815564E-3</v>
      </c>
      <c r="K124" s="88">
        <v>1.7746186688175177E-2</v>
      </c>
      <c r="L124" s="89">
        <v>2.2500615627494983E-3</v>
      </c>
    </row>
    <row r="125" spans="1:12">
      <c r="A125" s="44" t="s">
        <v>351</v>
      </c>
      <c r="B125" s="107">
        <v>10169</v>
      </c>
      <c r="C125" s="46">
        <v>5.1868473565848552</v>
      </c>
      <c r="D125" s="47">
        <v>3.1449030036259353E-2</v>
      </c>
      <c r="E125" s="108">
        <v>0.14559714006374416</v>
      </c>
      <c r="F125" s="92">
        <v>6.9965759779157316E-3</v>
      </c>
      <c r="G125" s="108">
        <v>0.14989961557926051</v>
      </c>
      <c r="H125" s="92">
        <v>7.0811696047721308E-3</v>
      </c>
      <c r="I125" s="108">
        <v>0.69324695550056037</v>
      </c>
      <c r="J125" s="92">
        <v>9.1447930053415571E-3</v>
      </c>
      <c r="K125" s="91">
        <v>1.1256288856427257E-2</v>
      </c>
      <c r="L125" s="92">
        <v>2.1094959711019522E-3</v>
      </c>
    </row>
    <row r="126" spans="1:12">
      <c r="A126" s="40" t="s">
        <v>352</v>
      </c>
      <c r="B126" s="78">
        <v>3705</v>
      </c>
      <c r="C126" s="42">
        <v>4.9626142427155866</v>
      </c>
      <c r="D126" s="43">
        <v>5.2884839506120052E-2</v>
      </c>
      <c r="E126" s="93">
        <v>0.16671241382169902</v>
      </c>
      <c r="F126" s="89">
        <v>1.2250589576164537E-2</v>
      </c>
      <c r="G126" s="93">
        <v>0.17666633127948095</v>
      </c>
      <c r="H126" s="89">
        <v>1.2534372739120028E-2</v>
      </c>
      <c r="I126" s="93">
        <v>0.63363160137579666</v>
      </c>
      <c r="J126" s="89">
        <v>1.5823953681712175E-2</v>
      </c>
      <c r="K126" s="88">
        <v>2.2989653523023176E-2</v>
      </c>
      <c r="L126" s="89">
        <v>4.9751766494316842E-3</v>
      </c>
    </row>
    <row r="127" spans="1:12">
      <c r="A127" s="44" t="s">
        <v>534</v>
      </c>
      <c r="B127" s="107">
        <v>1693</v>
      </c>
      <c r="C127" s="46">
        <v>4.9848365470683174</v>
      </c>
      <c r="D127" s="47">
        <v>7.9870559960904572E-2</v>
      </c>
      <c r="E127" s="108">
        <v>0.17277218749421461</v>
      </c>
      <c r="F127" s="92">
        <v>1.838667699816034E-2</v>
      </c>
      <c r="G127" s="108">
        <v>0.16209399424661444</v>
      </c>
      <c r="H127" s="92">
        <v>1.7927843761612629E-2</v>
      </c>
      <c r="I127" s="108">
        <v>0.64354065510390068</v>
      </c>
      <c r="J127" s="92">
        <v>2.3258081487520229E-2</v>
      </c>
      <c r="K127" s="91">
        <v>2.1593163155269681E-2</v>
      </c>
      <c r="L127" s="92">
        <v>7.2345306950321129E-3</v>
      </c>
    </row>
    <row r="128" spans="1:12">
      <c r="A128" s="40" t="s">
        <v>535</v>
      </c>
      <c r="B128" s="78">
        <v>920</v>
      </c>
      <c r="C128" s="42">
        <v>5.2486397631362234</v>
      </c>
      <c r="D128" s="43">
        <v>0.10591183503224139</v>
      </c>
      <c r="E128" s="93">
        <v>0.14304047469196421</v>
      </c>
      <c r="F128" s="89">
        <v>2.313902213284998E-2</v>
      </c>
      <c r="G128" s="93">
        <v>0.11855332930773294</v>
      </c>
      <c r="H128" s="89">
        <v>2.1396632059547612E-2</v>
      </c>
      <c r="I128" s="93">
        <v>0.7206560265649391</v>
      </c>
      <c r="J128" s="89">
        <v>2.9551595205119813E-2</v>
      </c>
      <c r="K128" s="88">
        <v>1.7750169435363942E-2</v>
      </c>
      <c r="L128" s="89">
        <v>9.1746619596800704E-3</v>
      </c>
    </row>
    <row r="129" spans="1:12">
      <c r="A129" s="44" t="s">
        <v>536</v>
      </c>
      <c r="B129" s="107">
        <v>197</v>
      </c>
      <c r="C129" s="46">
        <v>5.4226423828782906</v>
      </c>
      <c r="D129" s="47">
        <v>0.23158137058391681</v>
      </c>
      <c r="E129" s="108">
        <v>0.11566793257005709</v>
      </c>
      <c r="F129" s="92">
        <v>4.6383522164906738E-2</v>
      </c>
      <c r="G129" s="108">
        <v>0.10363378992123697</v>
      </c>
      <c r="H129" s="92">
        <v>4.4405322340510055E-2</v>
      </c>
      <c r="I129" s="108">
        <v>0.78069827750870591</v>
      </c>
      <c r="J129" s="92">
        <v>5.8897542241879736E-2</v>
      </c>
      <c r="K129" s="91">
        <v>0</v>
      </c>
      <c r="L129" s="92">
        <v>1.4001592877335498E-2</v>
      </c>
    </row>
    <row r="130" spans="1:12">
      <c r="A130" s="40" t="s">
        <v>537</v>
      </c>
      <c r="B130" s="78">
        <v>73</v>
      </c>
      <c r="C130" s="42">
        <v>5.4208470338052228</v>
      </c>
      <c r="D130" s="43">
        <v>0.42237328396734786</v>
      </c>
      <c r="E130" s="93">
        <v>0.13927365112550197</v>
      </c>
      <c r="F130" s="89">
        <v>8.3134900383292049E-2</v>
      </c>
      <c r="G130" s="93">
        <v>8.2027503240676827E-2</v>
      </c>
      <c r="H130" s="89">
        <v>6.9498499611053116E-2</v>
      </c>
      <c r="I130" s="93">
        <v>0.77869884563382141</v>
      </c>
      <c r="J130" s="89">
        <v>9.6749045262889535E-2</v>
      </c>
      <c r="K130" s="88">
        <v>0</v>
      </c>
      <c r="L130" s="89">
        <v>3.6252631573966396E-2</v>
      </c>
    </row>
    <row r="131" spans="1:12">
      <c r="A131" s="44" t="s">
        <v>546</v>
      </c>
      <c r="B131" s="107">
        <v>781</v>
      </c>
      <c r="C131" s="46">
        <v>4.8805700402274201</v>
      </c>
      <c r="D131" s="47">
        <v>0.11901934522256226</v>
      </c>
      <c r="E131" s="108">
        <v>0.18441568472433009</v>
      </c>
      <c r="F131" s="92">
        <v>2.7776993573483129E-2</v>
      </c>
      <c r="G131" s="108">
        <v>0.17967021152287746</v>
      </c>
      <c r="H131" s="92">
        <v>2.7501650797146261E-2</v>
      </c>
      <c r="I131" s="108">
        <v>0.61281168813332099</v>
      </c>
      <c r="J131" s="92">
        <v>3.4780687895977928E-2</v>
      </c>
      <c r="K131" s="91">
        <v>2.3102415619472915E-2</v>
      </c>
      <c r="L131" s="92">
        <v>1.1259659153239116E-2</v>
      </c>
    </row>
    <row r="132" spans="1:12">
      <c r="A132" s="40" t="s">
        <v>547</v>
      </c>
      <c r="B132" s="78">
        <v>127</v>
      </c>
      <c r="C132" s="42">
        <v>4.8662381930459295</v>
      </c>
      <c r="D132" s="43">
        <v>0.3094195244928426</v>
      </c>
      <c r="E132" s="93">
        <v>0.19399448908914313</v>
      </c>
      <c r="F132" s="89">
        <v>7.033003070387292E-2</v>
      </c>
      <c r="G132" s="93">
        <v>0.19296601243669911</v>
      </c>
      <c r="H132" s="89">
        <v>7.0201275925258155E-2</v>
      </c>
      <c r="I132" s="93">
        <v>0.56295200276923696</v>
      </c>
      <c r="J132" s="89">
        <v>8.6717117180809128E-2</v>
      </c>
      <c r="K132" s="88">
        <v>5.0087495704921423E-2</v>
      </c>
      <c r="L132" s="89">
        <v>4.2713894788116387E-2</v>
      </c>
    </row>
    <row r="133" spans="1:12">
      <c r="A133" s="44" t="s">
        <v>548</v>
      </c>
      <c r="B133" s="107">
        <v>99</v>
      </c>
      <c r="C133" s="46">
        <v>5.2319583902174536</v>
      </c>
      <c r="D133" s="47">
        <v>0.31270518888640175</v>
      </c>
      <c r="E133" s="108">
        <v>0.14691113324485053</v>
      </c>
      <c r="F133" s="92">
        <v>7.2359262957602755E-2</v>
      </c>
      <c r="G133" s="108">
        <v>0.10236249910979717</v>
      </c>
      <c r="H133" s="92">
        <v>6.352945261040728E-2</v>
      </c>
      <c r="I133" s="108">
        <v>0.70201259632482904</v>
      </c>
      <c r="J133" s="92">
        <v>9.0799897896473414E-2</v>
      </c>
      <c r="K133" s="91">
        <v>4.8713771320522611E-2</v>
      </c>
      <c r="L133" s="92">
        <v>4.9010316074394739E-2</v>
      </c>
    </row>
    <row r="134" spans="1:12">
      <c r="A134" s="40" t="s">
        <v>538</v>
      </c>
      <c r="B134" s="105">
        <v>124</v>
      </c>
      <c r="C134" s="42">
        <v>5.1474941729379164</v>
      </c>
      <c r="D134" s="43">
        <v>0.27474999988859472</v>
      </c>
      <c r="E134" s="106">
        <v>0.15030252365638241</v>
      </c>
      <c r="F134" s="89">
        <v>6.5008478571219039E-2</v>
      </c>
      <c r="G134" s="106">
        <v>0.11792213582455202</v>
      </c>
      <c r="H134" s="89">
        <v>5.9423772624653093E-2</v>
      </c>
      <c r="I134" s="106">
        <v>0.71975408854577039</v>
      </c>
      <c r="J134" s="89">
        <v>7.9976407021652512E-2</v>
      </c>
      <c r="K134" s="88">
        <v>1.2021251973296019E-2</v>
      </c>
      <c r="L134" s="89">
        <v>2.8791764712052088E-2</v>
      </c>
    </row>
    <row r="135" spans="1:12">
      <c r="A135" s="44" t="s">
        <v>539</v>
      </c>
      <c r="B135" s="107">
        <v>96</v>
      </c>
      <c r="C135" s="46">
        <v>5.1344364403441798</v>
      </c>
      <c r="D135" s="47">
        <v>0.31361617215328974</v>
      </c>
      <c r="E135" s="108">
        <v>0.14352537384599917</v>
      </c>
      <c r="F135" s="92">
        <v>7.2907737581452761E-2</v>
      </c>
      <c r="G135" s="108">
        <v>0.13156881729386402</v>
      </c>
      <c r="H135" s="92">
        <v>7.0682557979392019E-2</v>
      </c>
      <c r="I135" s="108">
        <v>0.71783941369305804</v>
      </c>
      <c r="J135" s="92">
        <v>9.0833118241809258E-2</v>
      </c>
      <c r="K135" s="91">
        <v>7.0663951670786804E-3</v>
      </c>
      <c r="L135" s="92">
        <v>3.2290166098222495E-2</v>
      </c>
    </row>
    <row r="136" spans="1:12">
      <c r="A136" s="40" t="s">
        <v>540</v>
      </c>
      <c r="B136" s="78">
        <v>258</v>
      </c>
      <c r="C136" s="42">
        <v>5.2136027622447916</v>
      </c>
      <c r="D136" s="43">
        <v>0.19719157247703012</v>
      </c>
      <c r="E136" s="93">
        <v>0.15327014715294429</v>
      </c>
      <c r="F136" s="89">
        <v>4.5132760121005651E-2</v>
      </c>
      <c r="G136" s="93">
        <v>0.1178829476568108</v>
      </c>
      <c r="H136" s="89">
        <v>4.0683276798580817E-2</v>
      </c>
      <c r="I136" s="93">
        <v>0.70855179134284341</v>
      </c>
      <c r="J136" s="89">
        <v>5.6328381382463467E-2</v>
      </c>
      <c r="K136" s="93">
        <v>2.0295113847399935E-2</v>
      </c>
      <c r="L136" s="89">
        <v>2.0248853157668355E-2</v>
      </c>
    </row>
    <row r="137" spans="1:12" ht="25.5">
      <c r="A137" s="44" t="s">
        <v>541</v>
      </c>
      <c r="B137" s="107">
        <v>112</v>
      </c>
      <c r="C137" s="46">
        <v>5.5704004421693414</v>
      </c>
      <c r="D137" s="47">
        <v>0.26151931584096771</v>
      </c>
      <c r="E137" s="108">
        <v>0.1118941727916495</v>
      </c>
      <c r="F137" s="92">
        <v>6.1471263951086111E-2</v>
      </c>
      <c r="G137" s="108">
        <v>7.8115477139858266E-2</v>
      </c>
      <c r="H137" s="92">
        <v>5.3844202804857758E-2</v>
      </c>
      <c r="I137" s="108">
        <v>0.78248011085046076</v>
      </c>
      <c r="J137" s="92">
        <v>7.781791527864429E-2</v>
      </c>
      <c r="K137" s="91">
        <v>2.7510239218032501E-2</v>
      </c>
      <c r="L137" s="92">
        <v>3.8003760110165062E-2</v>
      </c>
    </row>
    <row r="138" spans="1:12" ht="25.5">
      <c r="A138" s="40" t="s">
        <v>549</v>
      </c>
      <c r="B138" s="105">
        <v>66</v>
      </c>
      <c r="C138" s="42">
        <v>5.0377680466717516</v>
      </c>
      <c r="D138" s="43">
        <v>0.44272018224078458</v>
      </c>
      <c r="E138" s="106">
        <v>0.23890144400464805</v>
      </c>
      <c r="F138" s="89">
        <v>0.10403188465669287</v>
      </c>
      <c r="G138" s="106">
        <v>4.9427066332605601E-2</v>
      </c>
      <c r="H138" s="89">
        <v>6.3029674253524112E-2</v>
      </c>
      <c r="I138" s="106">
        <v>0.69429092839498496</v>
      </c>
      <c r="J138" s="89">
        <v>0.11121200876306574</v>
      </c>
      <c r="K138" s="88">
        <v>1.7380561267761302E-2</v>
      </c>
      <c r="L138" s="89">
        <v>4.9533549883763503E-2</v>
      </c>
    </row>
    <row r="139" spans="1:12">
      <c r="A139" s="44" t="s">
        <v>543</v>
      </c>
      <c r="B139" s="107">
        <v>80</v>
      </c>
      <c r="C139" s="46">
        <v>4.8474528000385071</v>
      </c>
      <c r="D139" s="47">
        <v>0.35748314978305995</v>
      </c>
      <c r="E139" s="108">
        <v>0.15442472743495081</v>
      </c>
      <c r="F139" s="92">
        <v>8.2138234709492927E-2</v>
      </c>
      <c r="G139" s="108">
        <v>0.21629003353535772</v>
      </c>
      <c r="H139" s="92">
        <v>9.1805170841902706E-2</v>
      </c>
      <c r="I139" s="108">
        <v>0.61694758964999397</v>
      </c>
      <c r="J139" s="92">
        <v>0.10636746611613453</v>
      </c>
      <c r="K139" s="91">
        <v>1.2337649379696905E-2</v>
      </c>
      <c r="L139" s="92">
        <v>4.0411676898351664E-2</v>
      </c>
    </row>
    <row r="140" spans="1:12">
      <c r="A140" s="40" t="s">
        <v>544</v>
      </c>
      <c r="B140" s="105">
        <v>112</v>
      </c>
      <c r="C140" s="42">
        <v>5.1963029433037518</v>
      </c>
      <c r="D140" s="43">
        <v>0.31272766481771702</v>
      </c>
      <c r="E140" s="106">
        <v>0.16278352420280651</v>
      </c>
      <c r="F140" s="89">
        <v>7.0464528843578317E-2</v>
      </c>
      <c r="G140" s="106">
        <v>0.14744224310988835</v>
      </c>
      <c r="H140" s="89">
        <v>6.8007970217735775E-2</v>
      </c>
      <c r="I140" s="106">
        <v>0.68977423268730509</v>
      </c>
      <c r="J140" s="89">
        <v>8.6388588705354805E-2</v>
      </c>
      <c r="K140" s="88">
        <v>0</v>
      </c>
      <c r="L140" s="89">
        <v>2.4171880321350918E-2</v>
      </c>
    </row>
    <row r="141" spans="1:12">
      <c r="A141" s="44" t="s">
        <v>545</v>
      </c>
      <c r="B141" s="107">
        <v>122</v>
      </c>
      <c r="C141" s="46">
        <v>5.0365536485944675</v>
      </c>
      <c r="D141" s="47">
        <v>0.30497926352745508</v>
      </c>
      <c r="E141" s="108">
        <v>0.1597931032394829</v>
      </c>
      <c r="F141" s="92">
        <v>6.7020783464557573E-2</v>
      </c>
      <c r="G141" s="108">
        <v>0.13776915091191638</v>
      </c>
      <c r="H141" s="92">
        <v>6.3492892998888079E-2</v>
      </c>
      <c r="I141" s="108">
        <v>0.66048707993816824</v>
      </c>
      <c r="J141" s="92">
        <v>8.4675524099350932E-2</v>
      </c>
      <c r="K141" s="91">
        <v>4.1950665910432908E-2</v>
      </c>
      <c r="L141" s="92">
        <v>4.1134922480375438E-2</v>
      </c>
    </row>
  </sheetData>
  <mergeCells count="23">
    <mergeCell ref="A3:D3"/>
    <mergeCell ref="A4:D4"/>
    <mergeCell ref="A5:D5"/>
    <mergeCell ref="M34:W34"/>
    <mergeCell ref="X34:AH34"/>
    <mergeCell ref="B34:L34"/>
    <mergeCell ref="A33:BD33"/>
    <mergeCell ref="A32:BD32"/>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42.7109375" customWidth="1"/>
    <col min="9" max="9" width="25.5703125" customWidth="1"/>
    <col min="10" max="10" width="26.7109375" customWidth="1"/>
  </cols>
  <sheetData>
    <row r="1" spans="1:6" ht="31.5">
      <c r="A1" s="30" t="s">
        <v>41</v>
      </c>
    </row>
    <row r="3" spans="1:6" ht="18.75">
      <c r="A3" s="335" t="s">
        <v>1</v>
      </c>
      <c r="B3" s="335"/>
      <c r="C3" s="335"/>
      <c r="D3" s="335"/>
    </row>
    <row r="4" spans="1:6" ht="201" customHeight="1">
      <c r="A4" s="388" t="s">
        <v>579</v>
      </c>
      <c r="B4" s="388"/>
      <c r="C4" s="388"/>
      <c r="D4" s="388"/>
      <c r="F4" s="224"/>
    </row>
    <row r="5" spans="1:6" ht="34.5" customHeight="1">
      <c r="A5" s="372" t="s">
        <v>105</v>
      </c>
      <c r="B5" s="373"/>
      <c r="C5" s="373"/>
      <c r="D5" s="373"/>
    </row>
    <row r="6" spans="1:6" ht="43.5" customHeight="1">
      <c r="A6" s="32" t="s">
        <v>71</v>
      </c>
      <c r="B6" s="33" t="s">
        <v>72</v>
      </c>
      <c r="C6" s="34" t="s">
        <v>583</v>
      </c>
      <c r="D6" s="35" t="s">
        <v>73</v>
      </c>
    </row>
    <row r="7" spans="1:6" ht="56.25" customHeight="1">
      <c r="A7" s="36"/>
      <c r="B7" s="37" t="s">
        <v>74</v>
      </c>
      <c r="C7" s="38" t="s">
        <v>106</v>
      </c>
      <c r="D7" s="39" t="s">
        <v>76</v>
      </c>
    </row>
    <row r="8" spans="1:6">
      <c r="A8" s="40" t="s">
        <v>350</v>
      </c>
      <c r="B8" s="78">
        <v>13277</v>
      </c>
      <c r="C8" s="79">
        <v>3.677282666426394</v>
      </c>
      <c r="D8" s="80">
        <v>2.0993451205933784E-2</v>
      </c>
    </row>
    <row r="9" spans="1:6">
      <c r="A9" s="44" t="s">
        <v>351</v>
      </c>
      <c r="B9" s="112">
        <v>9829</v>
      </c>
      <c r="C9" s="113">
        <v>3.6556820477485221</v>
      </c>
      <c r="D9" s="114">
        <v>2.4262117158797572E-2</v>
      </c>
    </row>
    <row r="10" spans="1:6">
      <c r="A10" s="40" t="s">
        <v>352</v>
      </c>
      <c r="B10" s="78">
        <v>3448</v>
      </c>
      <c r="C10" s="79">
        <v>3.6954697037798288</v>
      </c>
      <c r="D10" s="80">
        <v>4.1708570481464757E-2</v>
      </c>
    </row>
    <row r="11" spans="1:6">
      <c r="A11" s="44" t="s">
        <v>534</v>
      </c>
      <c r="B11" s="112">
        <v>1617</v>
      </c>
      <c r="C11" s="113">
        <v>3.4538954337724173</v>
      </c>
      <c r="D11" s="114">
        <v>5.8121001709154289E-2</v>
      </c>
    </row>
    <row r="12" spans="1:6">
      <c r="A12" s="40" t="s">
        <v>535</v>
      </c>
      <c r="B12" s="78">
        <v>898</v>
      </c>
      <c r="C12" s="79">
        <v>3.477272590473472</v>
      </c>
      <c r="D12" s="80">
        <v>7.8866644847027073E-2</v>
      </c>
    </row>
    <row r="13" spans="1:6">
      <c r="A13" s="44" t="s">
        <v>536</v>
      </c>
      <c r="B13" s="112">
        <v>190</v>
      </c>
      <c r="C13" s="113">
        <v>3.3795662994709708</v>
      </c>
      <c r="D13" s="114">
        <v>0.15653333166838784</v>
      </c>
    </row>
    <row r="14" spans="1:6">
      <c r="A14" s="40" t="s">
        <v>537</v>
      </c>
      <c r="B14" s="78">
        <v>70</v>
      </c>
      <c r="C14" s="79">
        <v>3.2778990924683757</v>
      </c>
      <c r="D14" s="80">
        <v>0.25698422966412421</v>
      </c>
    </row>
    <row r="15" spans="1:6">
      <c r="A15" s="44" t="s">
        <v>546</v>
      </c>
      <c r="B15" s="112">
        <v>727</v>
      </c>
      <c r="C15" s="113">
        <v>3.4435258586268627</v>
      </c>
      <c r="D15" s="114">
        <v>8.5027027864122695E-2</v>
      </c>
    </row>
    <row r="16" spans="1:6">
      <c r="A16" s="40" t="s">
        <v>547</v>
      </c>
      <c r="B16" s="78">
        <v>118</v>
      </c>
      <c r="C16" s="79">
        <v>3.3853702376287322</v>
      </c>
      <c r="D16" s="80">
        <v>0.21943882452573413</v>
      </c>
    </row>
    <row r="17" spans="1:17">
      <c r="A17" s="44" t="s">
        <v>548</v>
      </c>
      <c r="B17" s="112">
        <v>95</v>
      </c>
      <c r="C17" s="113">
        <v>3.2593909578932179</v>
      </c>
      <c r="D17" s="114">
        <v>0.2440972125403221</v>
      </c>
    </row>
    <row r="18" spans="1:17">
      <c r="A18" s="40" t="s">
        <v>538</v>
      </c>
      <c r="B18" s="109">
        <v>124</v>
      </c>
      <c r="C18" s="110">
        <v>3.7464674797135564</v>
      </c>
      <c r="D18" s="111">
        <v>0.21589961079427447</v>
      </c>
    </row>
    <row r="19" spans="1:17">
      <c r="A19" s="44" t="s">
        <v>539</v>
      </c>
      <c r="B19" s="112">
        <v>94</v>
      </c>
      <c r="C19" s="113">
        <v>3.6977915748276633</v>
      </c>
      <c r="D19" s="114">
        <v>0.25499402826063472</v>
      </c>
    </row>
    <row r="20" spans="1:17">
      <c r="A20" s="40" t="s">
        <v>540</v>
      </c>
      <c r="B20" s="78">
        <v>254</v>
      </c>
      <c r="C20" s="79">
        <v>3.5133876369944557</v>
      </c>
      <c r="D20" s="80">
        <v>0.14279865543085407</v>
      </c>
    </row>
    <row r="21" spans="1:17" ht="25.5">
      <c r="A21" s="44" t="s">
        <v>541</v>
      </c>
      <c r="B21" s="112">
        <v>111</v>
      </c>
      <c r="C21" s="113">
        <v>3.7099078470417246</v>
      </c>
      <c r="D21" s="114">
        <v>0.22666054757341139</v>
      </c>
    </row>
    <row r="22" spans="1:17" ht="25.5">
      <c r="A22" s="52" t="s">
        <v>549</v>
      </c>
      <c r="B22" s="109">
        <v>66</v>
      </c>
      <c r="C22" s="110">
        <v>3.3679894975689333</v>
      </c>
      <c r="D22" s="111">
        <v>0.26234616517722681</v>
      </c>
    </row>
    <row r="23" spans="1:17">
      <c r="A23" s="44" t="s">
        <v>543</v>
      </c>
      <c r="B23" s="112">
        <v>77</v>
      </c>
      <c r="C23" s="113">
        <v>3.3321445668533709</v>
      </c>
      <c r="D23" s="114">
        <v>0.24561119556562894</v>
      </c>
    </row>
    <row r="24" spans="1:17">
      <c r="A24" s="52" t="s">
        <v>544</v>
      </c>
      <c r="B24" s="109">
        <v>110</v>
      </c>
      <c r="C24" s="110">
        <v>3.694159132448144</v>
      </c>
      <c r="D24" s="111">
        <v>0.22255014774394966</v>
      </c>
    </row>
    <row r="25" spans="1:17">
      <c r="A25" s="44" t="s">
        <v>545</v>
      </c>
      <c r="B25" s="112">
        <v>117</v>
      </c>
      <c r="C25" s="113">
        <v>3.3301844328415404</v>
      </c>
      <c r="D25" s="114">
        <v>0.248316779591474</v>
      </c>
    </row>
    <row r="32" spans="1:17" ht="18.75">
      <c r="A32" s="335" t="s">
        <v>34</v>
      </c>
      <c r="B32" s="335"/>
      <c r="C32" s="335"/>
      <c r="D32" s="335"/>
      <c r="E32" s="335"/>
      <c r="F32" s="335"/>
      <c r="G32" s="335"/>
      <c r="H32" s="335"/>
      <c r="I32" s="335"/>
      <c r="J32" s="335"/>
      <c r="K32" s="335"/>
      <c r="L32" s="335"/>
      <c r="M32" s="335"/>
      <c r="N32" s="335"/>
      <c r="O32" s="335"/>
      <c r="P32" s="335"/>
      <c r="Q32" s="335"/>
    </row>
    <row r="33" spans="1:45" ht="58.5" customHeight="1">
      <c r="A33" s="384" t="s">
        <v>580</v>
      </c>
      <c r="B33" s="384"/>
      <c r="C33" s="384"/>
      <c r="D33" s="384"/>
      <c r="E33" s="384"/>
      <c r="F33" s="384"/>
      <c r="G33" s="384"/>
      <c r="H33" s="384"/>
      <c r="I33" s="384"/>
      <c r="J33" s="384"/>
      <c r="K33" s="384"/>
      <c r="L33" s="384"/>
      <c r="M33" s="384"/>
      <c r="N33" s="384"/>
      <c r="O33" s="384"/>
      <c r="P33" s="384"/>
      <c r="Q33" s="384"/>
    </row>
    <row r="34" spans="1:45" ht="39" customHeight="1">
      <c r="A34" s="102"/>
      <c r="B34" s="383" t="s">
        <v>107</v>
      </c>
      <c r="C34" s="368"/>
      <c r="D34" s="368"/>
      <c r="E34" s="368"/>
      <c r="F34" s="368"/>
      <c r="G34" s="368"/>
      <c r="H34" s="369"/>
      <c r="I34" s="364" t="s">
        <v>274</v>
      </c>
      <c r="J34" s="381"/>
      <c r="K34" s="381"/>
      <c r="L34" s="381"/>
      <c r="M34" s="381"/>
      <c r="N34" s="381"/>
      <c r="O34" s="381"/>
      <c r="P34" s="381"/>
      <c r="Q34" s="381"/>
      <c r="R34" s="287"/>
      <c r="S34" s="287"/>
      <c r="T34" s="287"/>
      <c r="U34" s="287"/>
      <c r="V34" s="287"/>
      <c r="W34" s="287"/>
      <c r="X34" s="287"/>
      <c r="Y34" s="287"/>
      <c r="Z34" s="287"/>
      <c r="AA34" s="287"/>
      <c r="AB34" s="287"/>
      <c r="AC34" s="287"/>
      <c r="AD34" s="287"/>
      <c r="AE34" s="287"/>
      <c r="AF34" s="287"/>
      <c r="AG34" s="287"/>
      <c r="AH34" s="287"/>
      <c r="AI34" s="287"/>
      <c r="AJ34" s="287"/>
      <c r="AK34" s="287"/>
      <c r="AL34" s="287"/>
      <c r="AM34" s="287"/>
      <c r="AN34" s="287"/>
      <c r="AO34" s="287"/>
      <c r="AP34" s="287"/>
      <c r="AQ34" s="287"/>
      <c r="AR34" s="287"/>
      <c r="AS34" s="287"/>
    </row>
    <row r="35" spans="1:45" ht="39.75" customHeight="1">
      <c r="A35" s="32" t="s">
        <v>71</v>
      </c>
      <c r="B35" s="33" t="s">
        <v>72</v>
      </c>
      <c r="C35" s="33" t="s">
        <v>174</v>
      </c>
      <c r="D35" s="84" t="s">
        <v>108</v>
      </c>
      <c r="E35" s="33" t="s">
        <v>187</v>
      </c>
      <c r="F35" s="84" t="s">
        <v>530</v>
      </c>
      <c r="G35" s="33" t="s">
        <v>189</v>
      </c>
      <c r="H35" s="84" t="s">
        <v>531</v>
      </c>
      <c r="I35" s="60" t="s">
        <v>72</v>
      </c>
      <c r="J35" s="60" t="s">
        <v>175</v>
      </c>
      <c r="K35" s="83" t="s">
        <v>109</v>
      </c>
      <c r="L35" s="60" t="s">
        <v>176</v>
      </c>
      <c r="M35" s="83" t="s">
        <v>110</v>
      </c>
      <c r="N35" s="60" t="s">
        <v>177</v>
      </c>
      <c r="O35" s="83" t="s">
        <v>111</v>
      </c>
      <c r="P35" s="60" t="s">
        <v>453</v>
      </c>
      <c r="Q35" s="83" t="s">
        <v>112</v>
      </c>
    </row>
    <row r="36" spans="1:45" ht="63" customHeight="1">
      <c r="A36" s="36"/>
      <c r="B36" s="37" t="s">
        <v>74</v>
      </c>
      <c r="C36" s="37" t="s">
        <v>186</v>
      </c>
      <c r="D36" s="86" t="s">
        <v>88</v>
      </c>
      <c r="E36" s="37" t="s">
        <v>188</v>
      </c>
      <c r="F36" s="86" t="s">
        <v>88</v>
      </c>
      <c r="G36" s="37" t="s">
        <v>190</v>
      </c>
      <c r="H36" s="86" t="s">
        <v>88</v>
      </c>
      <c r="I36" s="63" t="s">
        <v>74</v>
      </c>
      <c r="J36" s="63" t="s">
        <v>275</v>
      </c>
      <c r="K36" s="85" t="s">
        <v>88</v>
      </c>
      <c r="L36" s="63" t="s">
        <v>276</v>
      </c>
      <c r="M36" s="85" t="s">
        <v>88</v>
      </c>
      <c r="N36" s="63" t="s">
        <v>277</v>
      </c>
      <c r="O36" s="85" t="s">
        <v>88</v>
      </c>
      <c r="P36" s="63" t="s">
        <v>454</v>
      </c>
      <c r="Q36" s="85" t="s">
        <v>88</v>
      </c>
    </row>
    <row r="37" spans="1:45">
      <c r="A37" s="40" t="s">
        <v>350</v>
      </c>
      <c r="B37" s="115">
        <v>12826</v>
      </c>
      <c r="C37" s="116">
        <v>0.39013594225533765</v>
      </c>
      <c r="D37" s="89">
        <v>8.6128728508205275E-3</v>
      </c>
      <c r="E37" s="116">
        <v>0.39765529260872923</v>
      </c>
      <c r="F37" s="89">
        <v>8.6416867646339837E-3</v>
      </c>
      <c r="G37" s="116">
        <v>0.21220876513595732</v>
      </c>
      <c r="H37" s="89">
        <v>7.2205612906470363E-3</v>
      </c>
      <c r="I37" s="117">
        <v>13248</v>
      </c>
      <c r="J37" s="116">
        <v>8.6136148489609266E-2</v>
      </c>
      <c r="K37" s="89">
        <v>4.8776177899403084E-3</v>
      </c>
      <c r="L37" s="116">
        <v>0.36389344524439077</v>
      </c>
      <c r="M37" s="89">
        <v>8.358951838977384E-3</v>
      </c>
      <c r="N37" s="116">
        <v>0.41575309974401586</v>
      </c>
      <c r="O37" s="89">
        <v>8.5626672652034455E-3</v>
      </c>
      <c r="P37" s="116">
        <v>0.13421730652200231</v>
      </c>
      <c r="Q37" s="89">
        <v>5.9244610991499537E-3</v>
      </c>
    </row>
    <row r="38" spans="1:45">
      <c r="A38" s="44" t="s">
        <v>351</v>
      </c>
      <c r="B38" s="44">
        <v>9430</v>
      </c>
      <c r="C38" s="119">
        <v>0.4043696540164739</v>
      </c>
      <c r="D38" s="92">
        <v>1.0105707783584226E-2</v>
      </c>
      <c r="E38" s="119">
        <v>0.40056797631620755</v>
      </c>
      <c r="F38" s="92">
        <v>1.0090152347239631E-2</v>
      </c>
      <c r="G38" s="119">
        <v>0.19506236966732188</v>
      </c>
      <c r="H38" s="92">
        <v>8.161292155039029E-3</v>
      </c>
      <c r="I38" s="44">
        <v>9814</v>
      </c>
      <c r="J38" s="119">
        <v>9.1078975540440338E-2</v>
      </c>
      <c r="K38" s="92">
        <v>5.8122951467587669E-3</v>
      </c>
      <c r="L38" s="119">
        <v>0.35863998213530723</v>
      </c>
      <c r="M38" s="92">
        <v>9.6808645333178039E-3</v>
      </c>
      <c r="N38" s="119">
        <v>0.41783543704047538</v>
      </c>
      <c r="O38" s="92">
        <v>9.9551752429515861E-3</v>
      </c>
      <c r="P38" s="119">
        <v>0.13244560528377944</v>
      </c>
      <c r="Q38" s="92">
        <v>6.8453160618524248E-3</v>
      </c>
    </row>
    <row r="39" spans="1:45">
      <c r="A39" s="40" t="s">
        <v>352</v>
      </c>
      <c r="B39" s="48">
        <v>3396</v>
      </c>
      <c r="C39" s="116">
        <v>0.37826662069572459</v>
      </c>
      <c r="D39" s="89">
        <v>1.6635038574700226E-2</v>
      </c>
      <c r="E39" s="116">
        <v>0.39522644059136169</v>
      </c>
      <c r="F39" s="89">
        <v>1.6770012293092443E-2</v>
      </c>
      <c r="G39" s="116">
        <v>0.226506938712913</v>
      </c>
      <c r="H39" s="89">
        <v>1.4364066205567778E-2</v>
      </c>
      <c r="I39" s="48">
        <v>3434</v>
      </c>
      <c r="J39" s="116">
        <v>8.1964834065367226E-2</v>
      </c>
      <c r="K39" s="89">
        <v>9.3818858774779128E-3</v>
      </c>
      <c r="L39" s="116">
        <v>0.36832690937710238</v>
      </c>
      <c r="M39" s="89">
        <v>1.6454231396449841E-2</v>
      </c>
      <c r="N39" s="116">
        <v>0.41399578889506777</v>
      </c>
      <c r="O39" s="89">
        <v>1.6801218734391991E-2</v>
      </c>
      <c r="P39" s="116">
        <v>0.13571246766246228</v>
      </c>
      <c r="Q39" s="89">
        <v>1.1697327494316968E-2</v>
      </c>
    </row>
    <row r="40" spans="1:45">
      <c r="A40" s="44" t="s">
        <v>534</v>
      </c>
      <c r="B40" s="44">
        <v>1574</v>
      </c>
      <c r="C40" s="119">
        <v>0.45286569610481459</v>
      </c>
      <c r="D40" s="92">
        <v>2.5062133495877038E-2</v>
      </c>
      <c r="E40" s="119">
        <v>0.40249075044010774</v>
      </c>
      <c r="F40" s="92">
        <v>2.4692793765024146E-2</v>
      </c>
      <c r="G40" s="119">
        <v>0.14464355345507698</v>
      </c>
      <c r="H40" s="92">
        <v>1.7754927781940048E-2</v>
      </c>
      <c r="I40" s="44">
        <v>1612</v>
      </c>
      <c r="J40" s="119">
        <v>0.10222632090098442</v>
      </c>
      <c r="K40" s="92">
        <v>1.5136214640711793E-2</v>
      </c>
      <c r="L40" s="119">
        <v>0.42020976728998599</v>
      </c>
      <c r="M40" s="92">
        <v>2.4558729215329825E-2</v>
      </c>
      <c r="N40" s="119">
        <v>0.37480514383127039</v>
      </c>
      <c r="O40" s="92">
        <v>2.4087492378491858E-2</v>
      </c>
      <c r="P40" s="119">
        <v>0.10275876797775889</v>
      </c>
      <c r="Q40" s="92">
        <v>1.5170616126052843E-2</v>
      </c>
    </row>
    <row r="41" spans="1:45">
      <c r="A41" s="40" t="s">
        <v>535</v>
      </c>
      <c r="B41" s="48">
        <v>861</v>
      </c>
      <c r="C41" s="116">
        <v>0.46991750742483956</v>
      </c>
      <c r="D41" s="89">
        <v>3.3939994231745867E-2</v>
      </c>
      <c r="E41" s="116">
        <v>0.38485665444860873</v>
      </c>
      <c r="F41" s="89">
        <v>3.3095716413595627E-2</v>
      </c>
      <c r="G41" s="116">
        <v>0.14522583812655143</v>
      </c>
      <c r="H41" s="89">
        <v>2.4070865437360769E-2</v>
      </c>
      <c r="I41" s="48">
        <v>895</v>
      </c>
      <c r="J41" s="116">
        <v>0.10767653778767107</v>
      </c>
      <c r="K41" s="89">
        <v>2.0822779204429227E-2</v>
      </c>
      <c r="L41" s="116">
        <v>0.37808060908790708</v>
      </c>
      <c r="M41" s="89">
        <v>3.2354243516098863E-2</v>
      </c>
      <c r="N41" s="116">
        <v>0.41304514263300229</v>
      </c>
      <c r="O41" s="89">
        <v>3.2848185396955845E-2</v>
      </c>
      <c r="P41" s="116">
        <v>0.10119771049141889</v>
      </c>
      <c r="Q41" s="89">
        <v>2.027276465354301E-2</v>
      </c>
    </row>
    <row r="42" spans="1:45">
      <c r="A42" s="44" t="s">
        <v>536</v>
      </c>
      <c r="B42" s="44">
        <v>183</v>
      </c>
      <c r="C42" s="119">
        <v>0.47243926127298347</v>
      </c>
      <c r="D42" s="92">
        <v>7.3020772686351529E-2</v>
      </c>
      <c r="E42" s="119">
        <v>0.46524612021098227</v>
      </c>
      <c r="F42" s="92">
        <v>7.2957871832287996E-2</v>
      </c>
      <c r="G42" s="119">
        <v>6.2314618516033968E-2</v>
      </c>
      <c r="H42" s="92">
        <v>3.7726655094322263E-2</v>
      </c>
      <c r="I42" s="44">
        <v>190</v>
      </c>
      <c r="J42" s="119">
        <v>0.11393406310843067</v>
      </c>
      <c r="K42" s="92">
        <v>4.6977948995911956E-2</v>
      </c>
      <c r="L42" s="119">
        <v>0.40680659000593417</v>
      </c>
      <c r="M42" s="92">
        <v>7.0589482720331651E-2</v>
      </c>
      <c r="N42" s="119">
        <v>0.39040663693505073</v>
      </c>
      <c r="O42" s="92">
        <v>7.0122054935457839E-2</v>
      </c>
      <c r="P42" s="119">
        <v>8.8852709950583877E-2</v>
      </c>
      <c r="Q42" s="92">
        <v>4.2561501865242331E-2</v>
      </c>
    </row>
    <row r="43" spans="1:45">
      <c r="A43" s="40" t="s">
        <v>537</v>
      </c>
      <c r="B43" s="48">
        <v>69</v>
      </c>
      <c r="C43" s="116">
        <v>0.53724411132228744</v>
      </c>
      <c r="D43" s="89">
        <v>0.1167506944596229</v>
      </c>
      <c r="E43" s="116">
        <v>0.4151613533113761</v>
      </c>
      <c r="F43" s="89">
        <v>0.11552609177447318</v>
      </c>
      <c r="G43" s="116">
        <v>4.7594535366336704E-2</v>
      </c>
      <c r="H43" s="89">
        <v>6.0655980474995527E-2</v>
      </c>
      <c r="I43" s="48">
        <v>70</v>
      </c>
      <c r="J43" s="116">
        <v>0.10403204173688618</v>
      </c>
      <c r="K43" s="89">
        <v>7.7005298701396094E-2</v>
      </c>
      <c r="L43" s="116">
        <v>0.35911380204246307</v>
      </c>
      <c r="M43" s="89">
        <v>0.11204220081213109</v>
      </c>
      <c r="N43" s="116">
        <v>0.43137377191448933</v>
      </c>
      <c r="O43" s="89">
        <v>0.11526369808256878</v>
      </c>
      <c r="P43" s="116">
        <v>0.10548038430616158</v>
      </c>
      <c r="Q43" s="89">
        <v>7.7364027502918237E-2</v>
      </c>
    </row>
    <row r="44" spans="1:45">
      <c r="A44" s="44" t="s">
        <v>546</v>
      </c>
      <c r="B44" s="44">
        <v>721</v>
      </c>
      <c r="C44" s="119">
        <v>0.4458344917621011</v>
      </c>
      <c r="D44" s="92">
        <v>3.6922911866613735E-2</v>
      </c>
      <c r="E44" s="119">
        <v>0.40938649579774539</v>
      </c>
      <c r="F44" s="92">
        <v>3.6530916140902321E-2</v>
      </c>
      <c r="G44" s="119">
        <v>0.14477901244015431</v>
      </c>
      <c r="H44" s="92">
        <v>2.6282975906267284E-2</v>
      </c>
      <c r="I44" s="44">
        <v>725</v>
      </c>
      <c r="J44" s="119">
        <v>9.9973208311328929E-2</v>
      </c>
      <c r="K44" s="92">
        <v>2.2434763015781175E-2</v>
      </c>
      <c r="L44" s="119">
        <v>0.43770729358216615</v>
      </c>
      <c r="M44" s="92">
        <v>3.6751647497046902E-2</v>
      </c>
      <c r="N44" s="119">
        <v>0.35950935506207143</v>
      </c>
      <c r="O44" s="92">
        <v>3.556160317848444E-2</v>
      </c>
      <c r="P44" s="119">
        <v>0.10281014304443507</v>
      </c>
      <c r="Q44" s="92">
        <v>2.2706659681165652E-2</v>
      </c>
    </row>
    <row r="45" spans="1:45">
      <c r="A45" s="40" t="s">
        <v>547</v>
      </c>
      <c r="B45" s="48">
        <v>116</v>
      </c>
      <c r="C45" s="116">
        <v>0.44808572493306115</v>
      </c>
      <c r="D45" s="89">
        <v>9.0826131756359105E-2</v>
      </c>
      <c r="E45" s="116">
        <v>0.42221828330714573</v>
      </c>
      <c r="F45" s="89">
        <v>9.0249028685679217E-2</v>
      </c>
      <c r="G45" s="116">
        <v>0.12969599175979368</v>
      </c>
      <c r="H45" s="89">
        <v>6.3734933088279197E-2</v>
      </c>
      <c r="I45" s="48">
        <v>118</v>
      </c>
      <c r="J45" s="116">
        <v>0.12118894647009901</v>
      </c>
      <c r="K45" s="89">
        <v>6.1606264639127953E-2</v>
      </c>
      <c r="L45" s="116">
        <v>0.44980267277101504</v>
      </c>
      <c r="M45" s="89">
        <v>9.0107904451930232E-2</v>
      </c>
      <c r="N45" s="116">
        <v>0.31593193362832295</v>
      </c>
      <c r="O45" s="89">
        <v>8.4602103196406514E-2</v>
      </c>
      <c r="P45" s="116">
        <v>0.11307644713056346</v>
      </c>
      <c r="Q45" s="89">
        <v>6.0039950521982396E-2</v>
      </c>
    </row>
    <row r="46" spans="1:45">
      <c r="A46" s="44" t="s">
        <v>548</v>
      </c>
      <c r="B46" s="44">
        <v>90</v>
      </c>
      <c r="C46" s="119">
        <v>0.58431891264442715</v>
      </c>
      <c r="D46" s="92">
        <v>0.10178879385174093</v>
      </c>
      <c r="E46" s="119">
        <v>0.29331200690700004</v>
      </c>
      <c r="F46" s="92">
        <v>9.471984577130256E-2</v>
      </c>
      <c r="G46" s="119">
        <v>0.12236908044857307</v>
      </c>
      <c r="H46" s="92">
        <v>7.1242250248572045E-2</v>
      </c>
      <c r="I46" s="44">
        <v>95</v>
      </c>
      <c r="J46" s="119">
        <v>0.1524041125545392</v>
      </c>
      <c r="K46" s="92">
        <v>7.4871829613268562E-2</v>
      </c>
      <c r="L46" s="119">
        <v>0.41006062010780348</v>
      </c>
      <c r="M46" s="92">
        <v>9.8995228252650266E-2</v>
      </c>
      <c r="N46" s="119">
        <v>0.35850707869654469</v>
      </c>
      <c r="O46" s="92">
        <v>9.6727226204543271E-2</v>
      </c>
      <c r="P46" s="119">
        <v>7.9028188641112218E-2</v>
      </c>
      <c r="Q46" s="92">
        <v>5.922530731201988E-2</v>
      </c>
    </row>
    <row r="47" spans="1:45">
      <c r="A47" s="40" t="s">
        <v>538</v>
      </c>
      <c r="B47" s="115">
        <v>118</v>
      </c>
      <c r="C47" s="116">
        <v>0.31514723625860219</v>
      </c>
      <c r="D47" s="89">
        <v>8.4549609943335921E-2</v>
      </c>
      <c r="E47" s="116">
        <v>0.48328879449004702</v>
      </c>
      <c r="F47" s="89">
        <v>9.0488428356446798E-2</v>
      </c>
      <c r="G47" s="116">
        <v>0.20156396925135162</v>
      </c>
      <c r="H47" s="89">
        <v>7.3925185929373485E-2</v>
      </c>
      <c r="I47" s="117">
        <v>123</v>
      </c>
      <c r="J47" s="116">
        <v>7.5782385639529493E-2</v>
      </c>
      <c r="K47" s="89">
        <v>5.0570600593767834E-2</v>
      </c>
      <c r="L47" s="116">
        <v>0.36638990439617042</v>
      </c>
      <c r="M47" s="89">
        <v>8.5712419251082028E-2</v>
      </c>
      <c r="N47" s="116">
        <v>0.45400345731209713</v>
      </c>
      <c r="O47" s="89">
        <v>8.8382755756232001E-2</v>
      </c>
      <c r="P47" s="116">
        <v>0.10382425265220341</v>
      </c>
      <c r="Q47" s="89">
        <v>5.6894991127437317E-2</v>
      </c>
    </row>
    <row r="48" spans="1:45">
      <c r="A48" s="44" t="s">
        <v>539</v>
      </c>
      <c r="B48" s="118">
        <v>93</v>
      </c>
      <c r="C48" s="119">
        <v>0.31969882727028309</v>
      </c>
      <c r="D48" s="92">
        <v>9.5273306452203804E-2</v>
      </c>
      <c r="E48" s="119">
        <v>0.48013343518034263</v>
      </c>
      <c r="F48" s="92">
        <v>0.10146091612737006</v>
      </c>
      <c r="G48" s="119">
        <v>0.20016773754937375</v>
      </c>
      <c r="H48" s="92">
        <v>8.3075452687041293E-2</v>
      </c>
      <c r="I48" s="120">
        <v>93</v>
      </c>
      <c r="J48" s="119">
        <v>9.0641254113463854E-2</v>
      </c>
      <c r="K48" s="92">
        <v>6.290593233116229E-2</v>
      </c>
      <c r="L48" s="119">
        <v>0.36825231760121729</v>
      </c>
      <c r="M48" s="92">
        <v>9.8241145402413355E-2</v>
      </c>
      <c r="N48" s="119">
        <v>0.45292173419939269</v>
      </c>
      <c r="O48" s="92">
        <v>0.10112004926240914</v>
      </c>
      <c r="P48" s="119">
        <v>8.8184694085925469E-2</v>
      </c>
      <c r="Q48" s="92">
        <v>6.2295180051495404E-2</v>
      </c>
    </row>
    <row r="49" spans="1:17">
      <c r="A49" s="40" t="s">
        <v>540</v>
      </c>
      <c r="B49" s="78">
        <v>238</v>
      </c>
      <c r="C49" s="93">
        <v>0.51921119821521899</v>
      </c>
      <c r="D49" s="89">
        <v>6.4236524418509286E-2</v>
      </c>
      <c r="E49" s="93">
        <v>0.34793834801029078</v>
      </c>
      <c r="F49" s="89">
        <v>6.1339769773947776E-2</v>
      </c>
      <c r="G49" s="93">
        <v>0.13285045377449134</v>
      </c>
      <c r="H49" s="89">
        <v>4.446570621665339E-2</v>
      </c>
      <c r="I49" s="78">
        <v>253</v>
      </c>
      <c r="J49" s="93">
        <v>5.2152007624929858E-2</v>
      </c>
      <c r="K49" s="89">
        <v>2.9424293330685046E-2</v>
      </c>
      <c r="L49" s="93">
        <v>0.37732167709107861</v>
      </c>
      <c r="M49" s="89">
        <v>6.0531352123621832E-2</v>
      </c>
      <c r="N49" s="93">
        <v>0.4586935641941664</v>
      </c>
      <c r="O49" s="89">
        <v>6.2171656058518737E-2</v>
      </c>
      <c r="P49" s="93">
        <v>0.11183275108982568</v>
      </c>
      <c r="Q49" s="89">
        <v>4.0228901938851688E-2</v>
      </c>
    </row>
    <row r="50" spans="1:17" ht="25.5">
      <c r="A50" s="44" t="s">
        <v>541</v>
      </c>
      <c r="B50" s="118">
        <v>103</v>
      </c>
      <c r="C50" s="119">
        <v>0.45455430564181676</v>
      </c>
      <c r="D50" s="92">
        <v>9.6302913528926698E-2</v>
      </c>
      <c r="E50" s="119">
        <v>0.39524082103105473</v>
      </c>
      <c r="F50" s="92">
        <v>9.4687029940661263E-2</v>
      </c>
      <c r="G50" s="119">
        <v>0.15020487332712879</v>
      </c>
      <c r="H50" s="92">
        <v>7.1465444240880915E-2</v>
      </c>
      <c r="I50" s="120">
        <v>110</v>
      </c>
      <c r="J50" s="119">
        <v>2.3868235707006642E-2</v>
      </c>
      <c r="K50" s="92">
        <v>3.6958162286666818E-2</v>
      </c>
      <c r="L50" s="119">
        <v>0.32748544864892393</v>
      </c>
      <c r="M50" s="92">
        <v>8.8315741230210049E-2</v>
      </c>
      <c r="N50" s="119">
        <v>0.47784345727816535</v>
      </c>
      <c r="O50" s="92">
        <v>9.3572925537841745E-2</v>
      </c>
      <c r="P50" s="119">
        <v>0.17080285836590448</v>
      </c>
      <c r="Q50" s="92">
        <v>7.2329845571389356E-2</v>
      </c>
    </row>
    <row r="51" spans="1:17" ht="25.5">
      <c r="A51" s="52" t="s">
        <v>549</v>
      </c>
      <c r="B51" s="115">
        <v>63</v>
      </c>
      <c r="C51" s="116">
        <v>0.59421493623201871</v>
      </c>
      <c r="D51" s="89">
        <v>0.12023652879684982</v>
      </c>
      <c r="E51" s="116">
        <v>0.2834107572987668</v>
      </c>
      <c r="F51" s="89">
        <v>0.11157574187091605</v>
      </c>
      <c r="G51" s="116">
        <v>0.12237430646921432</v>
      </c>
      <c r="H51" s="89">
        <v>8.6011998987442287E-2</v>
      </c>
      <c r="I51" s="117">
        <v>66</v>
      </c>
      <c r="J51" s="116">
        <v>7.8263385113038375E-2</v>
      </c>
      <c r="K51" s="89">
        <v>7.2460635313293054E-2</v>
      </c>
      <c r="L51" s="116">
        <v>0.39802053137242444</v>
      </c>
      <c r="M51" s="89">
        <v>0.11729201150581214</v>
      </c>
      <c r="N51" s="116">
        <v>0.46248083365913012</v>
      </c>
      <c r="O51" s="89">
        <v>0.11922334244984384</v>
      </c>
      <c r="P51" s="116">
        <v>6.1235249855407341E-2</v>
      </c>
      <c r="Q51" s="89">
        <v>6.71282495614096E-2</v>
      </c>
    </row>
    <row r="52" spans="1:17">
      <c r="A52" s="44" t="s">
        <v>543</v>
      </c>
      <c r="B52" s="118">
        <v>72</v>
      </c>
      <c r="C52" s="119">
        <v>0.56142574226733877</v>
      </c>
      <c r="D52" s="92">
        <v>0.11392832396848564</v>
      </c>
      <c r="E52" s="119">
        <v>0.32346705507489282</v>
      </c>
      <c r="F52" s="92">
        <v>0.10810087913020096</v>
      </c>
      <c r="G52" s="119">
        <v>0.11510720265776804</v>
      </c>
      <c r="H52" s="92">
        <v>7.848604010802393E-2</v>
      </c>
      <c r="I52" s="120">
        <v>77</v>
      </c>
      <c r="J52" s="119">
        <v>7.4284095329590488E-2</v>
      </c>
      <c r="K52" s="92">
        <v>6.525303421034831E-2</v>
      </c>
      <c r="L52" s="119">
        <v>0.43309646742377644</v>
      </c>
      <c r="M52" s="92">
        <v>0.11020857531043562</v>
      </c>
      <c r="N52" s="119">
        <v>0.42947860505885721</v>
      </c>
      <c r="O52" s="92">
        <v>0.1101078689203009</v>
      </c>
      <c r="P52" s="119">
        <v>6.31408321877754E-2</v>
      </c>
      <c r="Q52" s="92">
        <v>6.1879070255750533E-2</v>
      </c>
    </row>
    <row r="53" spans="1:17">
      <c r="A53" s="52" t="s">
        <v>544</v>
      </c>
      <c r="B53" s="115">
        <v>110</v>
      </c>
      <c r="C53" s="116">
        <v>0.4239492306890707</v>
      </c>
      <c r="D53" s="89">
        <v>9.2644393686860393E-2</v>
      </c>
      <c r="E53" s="116">
        <v>0.36013525413033531</v>
      </c>
      <c r="F53" s="89">
        <v>9.0182378801377291E-2</v>
      </c>
      <c r="G53" s="116">
        <v>0.2159155151805939</v>
      </c>
      <c r="H53" s="89">
        <v>7.8329059636616447E-2</v>
      </c>
      <c r="I53" s="117">
        <v>109</v>
      </c>
      <c r="J53" s="116">
        <v>7.2711374941264353E-2</v>
      </c>
      <c r="K53" s="89">
        <v>5.3255557317079372E-2</v>
      </c>
      <c r="L53" s="116">
        <v>0.31474049787035507</v>
      </c>
      <c r="M53" s="89">
        <v>8.785863999354257E-2</v>
      </c>
      <c r="N53" s="116">
        <v>0.49231039218476269</v>
      </c>
      <c r="O53" s="89">
        <v>9.4061734960007692E-2</v>
      </c>
      <c r="P53" s="116">
        <v>0.12023773500361776</v>
      </c>
      <c r="Q53" s="89">
        <v>6.402713242516378E-2</v>
      </c>
    </row>
    <row r="54" spans="1:17">
      <c r="A54" s="44" t="s">
        <v>545</v>
      </c>
      <c r="B54" s="118">
        <v>114</v>
      </c>
      <c r="C54" s="119">
        <v>0.49961470549105802</v>
      </c>
      <c r="D54" s="92">
        <v>9.2057436279249588E-2</v>
      </c>
      <c r="E54" s="119">
        <v>0.32344838788559604</v>
      </c>
      <c r="F54" s="92">
        <v>8.653537784329593E-2</v>
      </c>
      <c r="G54" s="119">
        <v>0.17693690662334624</v>
      </c>
      <c r="H54" s="92">
        <v>7.1919499019066316E-2</v>
      </c>
      <c r="I54" s="120">
        <v>117</v>
      </c>
      <c r="J54" s="119">
        <v>0.17254295748364057</v>
      </c>
      <c r="K54" s="92">
        <v>7.0357802493117821E-2</v>
      </c>
      <c r="L54" s="119">
        <v>0.39768925569421543</v>
      </c>
      <c r="M54" s="92">
        <v>8.9111896943763952E-2</v>
      </c>
      <c r="N54" s="119">
        <v>0.31207851572065609</v>
      </c>
      <c r="O54" s="92">
        <v>8.4693275514719252E-2</v>
      </c>
      <c r="P54" s="119">
        <v>0.11768927110148836</v>
      </c>
      <c r="Q54" s="92">
        <v>6.1211555101021047E-2</v>
      </c>
    </row>
    <row r="61" spans="1:17" ht="18.75">
      <c r="A61" s="335" t="s">
        <v>35</v>
      </c>
      <c r="B61" s="335"/>
      <c r="C61" s="335"/>
      <c r="D61" s="335"/>
      <c r="E61" s="335"/>
      <c r="F61" s="335"/>
      <c r="G61" s="335"/>
      <c r="H61" s="335"/>
      <c r="I61" s="335"/>
      <c r="J61" s="335"/>
      <c r="K61" s="335"/>
      <c r="L61" s="335"/>
      <c r="M61" s="335"/>
      <c r="N61" s="335"/>
      <c r="O61" s="335"/>
      <c r="P61" s="335"/>
    </row>
    <row r="62" spans="1:17" ht="87.75" customHeight="1">
      <c r="A62" s="387" t="s">
        <v>581</v>
      </c>
      <c r="B62" s="387"/>
      <c r="C62" s="387"/>
      <c r="D62" s="387"/>
      <c r="E62" s="387"/>
      <c r="F62" s="387"/>
      <c r="G62" s="387"/>
      <c r="H62" s="387"/>
      <c r="I62" s="387"/>
      <c r="J62" s="387"/>
      <c r="K62" s="387"/>
      <c r="L62" s="387"/>
      <c r="M62" s="387"/>
      <c r="N62" s="387"/>
      <c r="O62" s="387"/>
      <c r="P62" s="387"/>
    </row>
    <row r="63" spans="1:17" ht="42" customHeight="1">
      <c r="A63" s="102"/>
      <c r="B63" s="385" t="s">
        <v>330</v>
      </c>
      <c r="C63" s="386"/>
      <c r="D63" s="386"/>
      <c r="E63" s="386"/>
      <c r="F63" s="386"/>
      <c r="G63" s="386"/>
      <c r="H63" s="386"/>
      <c r="I63" s="385" t="s">
        <v>479</v>
      </c>
      <c r="J63" s="386"/>
      <c r="K63" s="385" t="s">
        <v>483</v>
      </c>
      <c r="L63" s="386"/>
      <c r="M63" s="385" t="s">
        <v>484</v>
      </c>
      <c r="N63" s="386"/>
      <c r="O63" s="385" t="s">
        <v>485</v>
      </c>
      <c r="P63" s="386"/>
    </row>
    <row r="64" spans="1:17" ht="39" customHeight="1">
      <c r="A64" s="32" t="s">
        <v>71</v>
      </c>
      <c r="B64" s="33" t="s">
        <v>72</v>
      </c>
      <c r="C64" s="33" t="s">
        <v>194</v>
      </c>
      <c r="D64" s="84" t="s">
        <v>113</v>
      </c>
      <c r="E64" s="33" t="s">
        <v>195</v>
      </c>
      <c r="F64" s="84" t="s">
        <v>278</v>
      </c>
      <c r="G64" s="33" t="s">
        <v>196</v>
      </c>
      <c r="H64" s="84" t="s">
        <v>279</v>
      </c>
      <c r="I64" s="60" t="s">
        <v>480</v>
      </c>
      <c r="J64" s="83" t="s">
        <v>482</v>
      </c>
      <c r="K64" s="60" t="s">
        <v>486</v>
      </c>
      <c r="L64" s="83" t="s">
        <v>487</v>
      </c>
      <c r="M64" s="60" t="s">
        <v>488</v>
      </c>
      <c r="N64" s="83" t="s">
        <v>489</v>
      </c>
      <c r="O64" s="60" t="s">
        <v>490</v>
      </c>
      <c r="P64" s="83" t="s">
        <v>491</v>
      </c>
    </row>
    <row r="65" spans="1:16" ht="60">
      <c r="A65" s="36"/>
      <c r="B65" s="37" t="s">
        <v>74</v>
      </c>
      <c r="C65" s="121" t="s">
        <v>178</v>
      </c>
      <c r="D65" s="86" t="s">
        <v>88</v>
      </c>
      <c r="E65" s="37" t="s">
        <v>191</v>
      </c>
      <c r="F65" s="86" t="s">
        <v>88</v>
      </c>
      <c r="G65" s="37" t="s">
        <v>192</v>
      </c>
      <c r="H65" s="86" t="s">
        <v>88</v>
      </c>
      <c r="I65" s="252" t="s">
        <v>481</v>
      </c>
      <c r="J65" s="85" t="s">
        <v>88</v>
      </c>
      <c r="K65" s="252" t="s">
        <v>481</v>
      </c>
      <c r="L65" s="85" t="s">
        <v>88</v>
      </c>
      <c r="M65" s="252" t="s">
        <v>481</v>
      </c>
      <c r="N65" s="85" t="s">
        <v>88</v>
      </c>
      <c r="O65" s="252" t="s">
        <v>481</v>
      </c>
      <c r="P65" s="85" t="s">
        <v>88</v>
      </c>
    </row>
    <row r="66" spans="1:16">
      <c r="A66" s="40" t="s">
        <v>350</v>
      </c>
      <c r="B66" s="122">
        <v>13199</v>
      </c>
      <c r="C66" s="116">
        <v>0.55799105640207791</v>
      </c>
      <c r="D66" s="89">
        <v>8.6441963919450977E-3</v>
      </c>
      <c r="E66" s="116">
        <v>0.22309973786757872</v>
      </c>
      <c r="F66" s="89">
        <v>7.2474301034588561E-3</v>
      </c>
      <c r="G66" s="116">
        <v>0.21890920573036099</v>
      </c>
      <c r="H66" s="89">
        <v>7.1984209206485752E-3</v>
      </c>
      <c r="I66" s="116">
        <v>0.32120433631265499</v>
      </c>
      <c r="J66" s="89">
        <v>8.1278036075746619E-3</v>
      </c>
      <c r="K66" s="116">
        <v>0.21223748272553189</v>
      </c>
      <c r="L66" s="89">
        <v>7.1181564636737622E-3</v>
      </c>
      <c r="M66" s="116">
        <v>0.10145863403891138</v>
      </c>
      <c r="N66" s="89">
        <v>5.2581904512326106E-3</v>
      </c>
      <c r="O66" s="116">
        <v>0.16916473945225585</v>
      </c>
      <c r="P66" s="89">
        <v>6.5269230126620489E-3</v>
      </c>
    </row>
    <row r="67" spans="1:16">
      <c r="A67" s="44" t="s">
        <v>351</v>
      </c>
      <c r="B67" s="44">
        <v>9769</v>
      </c>
      <c r="C67" s="119">
        <v>0.54151838350650428</v>
      </c>
      <c r="D67" s="92">
        <v>1.0080564338579633E-2</v>
      </c>
      <c r="E67" s="119">
        <v>0.21875773141156241</v>
      </c>
      <c r="F67" s="92">
        <v>8.3651330531702914E-3</v>
      </c>
      <c r="G67" s="119">
        <v>0.23972388508193027</v>
      </c>
      <c r="H67" s="92">
        <v>8.6382032719531099E-3</v>
      </c>
      <c r="I67" s="119">
        <v>0.36438203000617198</v>
      </c>
      <c r="J67" s="92">
        <v>9.7365862976547066E-3</v>
      </c>
      <c r="K67" s="119">
        <v>0.22675958426593701</v>
      </c>
      <c r="L67" s="92">
        <v>8.4728946069798604E-3</v>
      </c>
      <c r="M67" s="119">
        <v>9.8407585542624215E-2</v>
      </c>
      <c r="N67" s="92">
        <v>6.0305685919661072E-3</v>
      </c>
      <c r="O67" s="119">
        <v>0.17180607948003523</v>
      </c>
      <c r="P67" s="92">
        <v>7.6337128090536496E-3</v>
      </c>
    </row>
    <row r="68" spans="1:16">
      <c r="A68" s="40" t="s">
        <v>352</v>
      </c>
      <c r="B68" s="48">
        <v>3430</v>
      </c>
      <c r="C68" s="116">
        <v>0.57186925443077541</v>
      </c>
      <c r="D68" s="89">
        <v>1.6887956384368057E-2</v>
      </c>
      <c r="E68" s="116">
        <v>0.22675787069279807</v>
      </c>
      <c r="F68" s="89">
        <v>1.4298285518350605E-2</v>
      </c>
      <c r="G68" s="116">
        <v>0.20137287487642549</v>
      </c>
      <c r="H68" s="89">
        <v>1.3695646425436804E-2</v>
      </c>
      <c r="I68" s="116">
        <v>0.28482720509049392</v>
      </c>
      <c r="J68" s="89">
        <v>1.5407811651176322E-2</v>
      </c>
      <c r="K68" s="116">
        <v>0.20000263764309573</v>
      </c>
      <c r="L68" s="89">
        <v>1.3660801632079013E-2</v>
      </c>
      <c r="M68" s="116">
        <v>0.10402913704683589</v>
      </c>
      <c r="N68" s="89">
        <v>1.0440062991898674E-2</v>
      </c>
      <c r="O68" s="116">
        <v>0.16693941511059252</v>
      </c>
      <c r="P68" s="89">
        <v>1.2739444441949587E-2</v>
      </c>
    </row>
    <row r="69" spans="1:16">
      <c r="A69" s="44" t="s">
        <v>534</v>
      </c>
      <c r="B69" s="44">
        <v>1607</v>
      </c>
      <c r="C69" s="119">
        <v>0.50304431373741854</v>
      </c>
      <c r="D69" s="92">
        <v>2.4914043570355846E-2</v>
      </c>
      <c r="E69" s="119">
        <v>0.23915005635811507</v>
      </c>
      <c r="F69" s="92">
        <v>2.1274988762485705E-2</v>
      </c>
      <c r="G69" s="119">
        <v>0.2578056299044667</v>
      </c>
      <c r="H69" s="92">
        <v>2.1813088595857892E-2</v>
      </c>
      <c r="I69" s="119">
        <v>0.36341157178663464</v>
      </c>
      <c r="J69" s="92">
        <v>2.3971643258236652E-2</v>
      </c>
      <c r="K69" s="119">
        <v>0.25570623617949961</v>
      </c>
      <c r="L69" s="92">
        <v>2.1755172264284962E-2</v>
      </c>
      <c r="M69" s="119">
        <v>0.12515425702614272</v>
      </c>
      <c r="N69" s="92">
        <v>1.6540494662270037E-2</v>
      </c>
      <c r="O69" s="119">
        <v>0.18759429593158217</v>
      </c>
      <c r="P69" s="92">
        <v>1.9483506466135385E-2</v>
      </c>
    </row>
    <row r="70" spans="1:16">
      <c r="A70" s="40" t="s">
        <v>535</v>
      </c>
      <c r="B70" s="48">
        <v>893</v>
      </c>
      <c r="C70" s="116">
        <v>0.48610650450353382</v>
      </c>
      <c r="D70" s="89">
        <v>3.3376250309446395E-2</v>
      </c>
      <c r="E70" s="116">
        <v>0.22067448292786593</v>
      </c>
      <c r="F70" s="89">
        <v>2.7748798242036181E-2</v>
      </c>
      <c r="G70" s="116">
        <v>0.2932190125686005</v>
      </c>
      <c r="H70" s="89">
        <v>3.0427802121421366E-2</v>
      </c>
      <c r="I70" s="116">
        <v>0.42010320152508607</v>
      </c>
      <c r="J70" s="89">
        <v>3.2963836584145437E-2</v>
      </c>
      <c r="K70" s="116">
        <v>0.26243492128985302</v>
      </c>
      <c r="L70" s="89">
        <v>2.9417613741646541E-2</v>
      </c>
      <c r="M70" s="116">
        <v>0.1480876963389284</v>
      </c>
      <c r="N70" s="89">
        <v>2.3822061453791885E-2</v>
      </c>
      <c r="O70" s="116">
        <v>0.18998425389374562</v>
      </c>
      <c r="P70" s="89">
        <v>2.626895384776843E-2</v>
      </c>
    </row>
    <row r="71" spans="1:16">
      <c r="A71" s="44" t="s">
        <v>536</v>
      </c>
      <c r="B71" s="44">
        <v>189</v>
      </c>
      <c r="C71" s="119">
        <v>0.47087793736682665</v>
      </c>
      <c r="D71" s="92">
        <v>7.1864393794208448E-2</v>
      </c>
      <c r="E71" s="119">
        <v>0.2417742076336972</v>
      </c>
      <c r="F71" s="92">
        <v>6.209715922237688E-2</v>
      </c>
      <c r="G71" s="119">
        <v>0.28734785499947579</v>
      </c>
      <c r="H71" s="92">
        <v>6.5441360665915327E-2</v>
      </c>
      <c r="I71" s="119">
        <v>0.41365282204114545</v>
      </c>
      <c r="J71" s="92">
        <v>7.0944773446156281E-2</v>
      </c>
      <c r="K71" s="119">
        <v>0.2467577286109017</v>
      </c>
      <c r="L71" s="92">
        <v>6.2503738568572914E-2</v>
      </c>
      <c r="M71" s="119">
        <v>0.14747621552847753</v>
      </c>
      <c r="N71" s="92">
        <v>5.2071058292805249E-2</v>
      </c>
      <c r="O71" s="119">
        <v>0.17805208208282011</v>
      </c>
      <c r="P71" s="92">
        <v>5.5868351575742402E-2</v>
      </c>
    </row>
    <row r="72" spans="1:16">
      <c r="A72" s="40" t="s">
        <v>537</v>
      </c>
      <c r="B72" s="48">
        <v>69</v>
      </c>
      <c r="C72" s="116">
        <v>0.66890843640659692</v>
      </c>
      <c r="D72" s="89">
        <v>0.11091422385854556</v>
      </c>
      <c r="E72" s="116">
        <v>0.13595885144993047</v>
      </c>
      <c r="F72" s="89">
        <v>8.4917214684664941E-2</v>
      </c>
      <c r="G72" s="116">
        <v>0.19513271214347275</v>
      </c>
      <c r="H72" s="89">
        <v>9.5648479893170532E-2</v>
      </c>
      <c r="I72" s="116">
        <v>0.31160677913224011</v>
      </c>
      <c r="J72" s="89">
        <v>0.10936703733201564</v>
      </c>
      <c r="K72" s="116">
        <v>0.12112370850380864</v>
      </c>
      <c r="L72" s="89">
        <v>8.1678611300825196E-2</v>
      </c>
      <c r="M72" s="116">
        <v>0.10340618953101499</v>
      </c>
      <c r="N72" s="89">
        <v>7.7451884862213993E-2</v>
      </c>
      <c r="O72" s="116">
        <v>9.8549569810725129E-2</v>
      </c>
      <c r="P72" s="89">
        <v>7.6217176983978591E-2</v>
      </c>
    </row>
    <row r="73" spans="1:16">
      <c r="A73" s="44" t="s">
        <v>546</v>
      </c>
      <c r="B73" s="44">
        <v>722</v>
      </c>
      <c r="C73" s="119">
        <v>0.51190875078950515</v>
      </c>
      <c r="D73" s="92">
        <v>3.7103068423314199E-2</v>
      </c>
      <c r="E73" s="119">
        <v>0.24769296175051767</v>
      </c>
      <c r="F73" s="92">
        <v>3.2101826698985481E-2</v>
      </c>
      <c r="G73" s="119">
        <v>0.24039828745997913</v>
      </c>
      <c r="H73" s="92">
        <v>3.1783316671534216E-2</v>
      </c>
      <c r="I73" s="119">
        <v>0.33666755805780818</v>
      </c>
      <c r="J73" s="92">
        <v>3.5100459555883493E-2</v>
      </c>
      <c r="K73" s="119">
        <v>0.25118149298205827</v>
      </c>
      <c r="L73" s="92">
        <v>3.2249858069539214E-2</v>
      </c>
      <c r="M73" s="119">
        <v>0.11414394319856122</v>
      </c>
      <c r="N73" s="92">
        <v>2.379332369003926E-2</v>
      </c>
      <c r="O73" s="119">
        <v>0.18626462919922077</v>
      </c>
      <c r="P73" s="92">
        <v>2.9000974236944026E-2</v>
      </c>
    </row>
    <row r="74" spans="1:16">
      <c r="A74" s="40" t="s">
        <v>547</v>
      </c>
      <c r="B74" s="48">
        <v>115</v>
      </c>
      <c r="C74" s="116">
        <v>0.49397994454052485</v>
      </c>
      <c r="D74" s="89">
        <v>9.1663644243157302E-2</v>
      </c>
      <c r="E74" s="116">
        <v>0.22323401044400787</v>
      </c>
      <c r="F74" s="89">
        <v>7.745176444083568E-2</v>
      </c>
      <c r="G74" s="116">
        <v>0.28278604501546772</v>
      </c>
      <c r="H74" s="89">
        <v>8.3200008328301017E-2</v>
      </c>
      <c r="I74" s="116">
        <v>0.38427270644779155</v>
      </c>
      <c r="J74" s="89">
        <v>8.9347291103428733E-2</v>
      </c>
      <c r="K74" s="116">
        <v>0.28211991989000412</v>
      </c>
      <c r="L74" s="89">
        <v>8.3145313893390846E-2</v>
      </c>
      <c r="M74" s="116">
        <v>0.10074060163597955</v>
      </c>
      <c r="N74" s="89">
        <v>5.830327322517722E-2</v>
      </c>
      <c r="O74" s="116">
        <v>0.21549876950425237</v>
      </c>
      <c r="P74" s="89">
        <v>7.6566883162621363E-2</v>
      </c>
    </row>
    <row r="75" spans="1:16">
      <c r="A75" s="44" t="s">
        <v>548</v>
      </c>
      <c r="B75" s="44">
        <v>94</v>
      </c>
      <c r="C75" s="119">
        <v>0.43915364114072192</v>
      </c>
      <c r="D75" s="92">
        <v>0.10032473388372153</v>
      </c>
      <c r="E75" s="119">
        <v>0.24655742607612655</v>
      </c>
      <c r="F75" s="92">
        <v>8.8272160904219618E-2</v>
      </c>
      <c r="G75" s="119">
        <v>0.31428893278315118</v>
      </c>
      <c r="H75" s="92">
        <v>9.4387248016883654E-2</v>
      </c>
      <c r="I75" s="119">
        <v>0.41980773799361237</v>
      </c>
      <c r="J75" s="92">
        <v>9.9812773865438312E-2</v>
      </c>
      <c r="K75" s="119">
        <v>0.33257089667703404</v>
      </c>
      <c r="L75" s="92">
        <v>9.5662920482623662E-2</v>
      </c>
      <c r="M75" s="119">
        <v>0.22489113711429801</v>
      </c>
      <c r="N75" s="92">
        <v>8.5801713197774063E-2</v>
      </c>
      <c r="O75" s="119">
        <v>0.21534490114784666</v>
      </c>
      <c r="P75" s="92">
        <v>8.4624273281359713E-2</v>
      </c>
    </row>
    <row r="76" spans="1:16">
      <c r="A76" s="40" t="s">
        <v>538</v>
      </c>
      <c r="B76" s="122">
        <v>123</v>
      </c>
      <c r="C76" s="116">
        <v>0.5351986107958594</v>
      </c>
      <c r="D76" s="89">
        <v>8.8529166396929246E-2</v>
      </c>
      <c r="E76" s="116">
        <v>0.2455664000385234</v>
      </c>
      <c r="F76" s="89">
        <v>7.7210666220631094E-2</v>
      </c>
      <c r="G76" s="116">
        <v>0.21923498916561801</v>
      </c>
      <c r="H76" s="89">
        <v>7.4465743522339492E-2</v>
      </c>
      <c r="I76" s="116">
        <v>0.39928586740097061</v>
      </c>
      <c r="J76" s="89">
        <v>8.7030730678256688E-2</v>
      </c>
      <c r="K76" s="116">
        <v>0.22196836349418006</v>
      </c>
      <c r="L76" s="89">
        <v>7.4768117615383753E-2</v>
      </c>
      <c r="M76" s="116">
        <v>8.1930860848714135E-2</v>
      </c>
      <c r="N76" s="89">
        <v>5.2061347361619319E-2</v>
      </c>
      <c r="O76" s="116">
        <v>0.15357525638103259</v>
      </c>
      <c r="P76" s="89">
        <v>6.5791495579293494E-2</v>
      </c>
    </row>
    <row r="77" spans="1:16">
      <c r="A77" s="44" t="s">
        <v>539</v>
      </c>
      <c r="B77" s="124">
        <v>94</v>
      </c>
      <c r="C77" s="119">
        <v>0.51484633419299586</v>
      </c>
      <c r="D77" s="92">
        <v>0.10097427680275929</v>
      </c>
      <c r="E77" s="119">
        <v>0.2466543526686798</v>
      </c>
      <c r="F77" s="92">
        <v>8.8282608767352694E-2</v>
      </c>
      <c r="G77" s="119">
        <v>0.23849931313832376</v>
      </c>
      <c r="H77" s="92">
        <v>8.7385078126145391E-2</v>
      </c>
      <c r="I77" s="119">
        <v>0.41948486560954285</v>
      </c>
      <c r="J77" s="92">
        <v>9.9803012527391904E-2</v>
      </c>
      <c r="K77" s="119">
        <v>0.2409401065440489</v>
      </c>
      <c r="L77" s="92">
        <v>8.7657659185128148E-2</v>
      </c>
      <c r="M77" s="119">
        <v>9.7698315172166997E-2</v>
      </c>
      <c r="N77" s="92">
        <v>6.4236709382979873E-2</v>
      </c>
      <c r="O77" s="119">
        <v>0.16020347685321809</v>
      </c>
      <c r="P77" s="92">
        <v>7.6604313276857836E-2</v>
      </c>
    </row>
    <row r="78" spans="1:16">
      <c r="A78" s="40" t="s">
        <v>540</v>
      </c>
      <c r="B78" s="78">
        <v>252</v>
      </c>
      <c r="C78" s="93">
        <v>0.62047554671839589</v>
      </c>
      <c r="D78" s="89">
        <v>6.0716512473702869E-2</v>
      </c>
      <c r="E78" s="93">
        <v>0.17053056072504552</v>
      </c>
      <c r="F78" s="89">
        <v>4.7568302549064398E-2</v>
      </c>
      <c r="G78" s="93">
        <v>0.2089938925565582</v>
      </c>
      <c r="H78" s="89">
        <v>5.1225781292972491E-2</v>
      </c>
      <c r="I78" s="93">
        <v>0.32702806266947632</v>
      </c>
      <c r="J78" s="89">
        <v>5.876441076300612E-2</v>
      </c>
      <c r="K78" s="93">
        <v>0.20509956766194773</v>
      </c>
      <c r="L78" s="89">
        <v>5.0887467573923754E-2</v>
      </c>
      <c r="M78" s="93">
        <v>4.0026630607295235E-2</v>
      </c>
      <c r="N78" s="89">
        <v>2.6511960645971222E-2</v>
      </c>
      <c r="O78" s="93">
        <v>0.13884107717456592</v>
      </c>
      <c r="P78" s="89">
        <v>4.394750162290173E-2</v>
      </c>
    </row>
    <row r="79" spans="1:16" ht="25.5">
      <c r="A79" s="44" t="s">
        <v>541</v>
      </c>
      <c r="B79" s="124">
        <v>110</v>
      </c>
      <c r="C79" s="119">
        <v>0.70124189618163191</v>
      </c>
      <c r="D79" s="92">
        <v>8.6307045886862194E-2</v>
      </c>
      <c r="E79" s="119">
        <v>0.18602272954115825</v>
      </c>
      <c r="F79" s="92">
        <v>7.450772262357544E-2</v>
      </c>
      <c r="G79" s="119">
        <v>0.11273537427721028</v>
      </c>
      <c r="H79" s="92">
        <v>6.2229330573737585E-2</v>
      </c>
      <c r="I79" s="119">
        <v>0.26665219694494091</v>
      </c>
      <c r="J79" s="92">
        <v>8.3624663106201855E-2</v>
      </c>
      <c r="K79" s="119">
        <v>0.1247516014896613</v>
      </c>
      <c r="L79" s="92">
        <v>6.4589602870996576E-2</v>
      </c>
      <c r="M79" s="119">
        <v>4.9396256895028634E-2</v>
      </c>
      <c r="N79" s="92">
        <v>4.6246848292039081E-2</v>
      </c>
      <c r="O79" s="119">
        <v>6.864278702798228E-2</v>
      </c>
      <c r="P79" s="92">
        <v>5.1897115875190789E-2</v>
      </c>
    </row>
    <row r="80" spans="1:16" ht="25.5">
      <c r="A80" s="52" t="s">
        <v>549</v>
      </c>
      <c r="B80" s="122">
        <v>65</v>
      </c>
      <c r="C80" s="116">
        <v>0.64162484286209642</v>
      </c>
      <c r="D80" s="89">
        <v>0.11602111650486524</v>
      </c>
      <c r="E80" s="116">
        <v>6.9364031176239904E-2</v>
      </c>
      <c r="F80" s="89">
        <v>7.0373982958193748E-2</v>
      </c>
      <c r="G80" s="116">
        <v>0.28901112596166384</v>
      </c>
      <c r="H80" s="89">
        <v>0.11046552417617142</v>
      </c>
      <c r="I80" s="116">
        <v>0.27354225007491634</v>
      </c>
      <c r="J80" s="89">
        <v>0.10887844880950449</v>
      </c>
      <c r="K80" s="116">
        <v>0.2624963816209761</v>
      </c>
      <c r="L80" s="89">
        <v>0.1076609058838149</v>
      </c>
      <c r="M80" s="116">
        <v>3.3741728173194249E-2</v>
      </c>
      <c r="N80" s="89">
        <v>5.7522802174630773E-2</v>
      </c>
      <c r="O80" s="116">
        <v>0.23608739339641738</v>
      </c>
      <c r="P80" s="89">
        <v>0.10444925669099306</v>
      </c>
    </row>
    <row r="81" spans="1:16">
      <c r="A81" s="44" t="s">
        <v>543</v>
      </c>
      <c r="B81" s="124">
        <v>77</v>
      </c>
      <c r="C81" s="119">
        <v>0.49284101814508879</v>
      </c>
      <c r="D81" s="92">
        <v>0.11110081859542564</v>
      </c>
      <c r="E81" s="119">
        <v>0.21614411112376694</v>
      </c>
      <c r="F81" s="92">
        <v>9.3541377715509771E-2</v>
      </c>
      <c r="G81" s="119">
        <v>0.29101487073114379</v>
      </c>
      <c r="H81" s="92">
        <v>0.10196398954149762</v>
      </c>
      <c r="I81" s="119">
        <v>0.44753790398000731</v>
      </c>
      <c r="J81" s="92">
        <v>0.11055702867422357</v>
      </c>
      <c r="K81" s="119">
        <v>0.27982149494419273</v>
      </c>
      <c r="L81" s="92">
        <v>0.10090729416693858</v>
      </c>
      <c r="M81" s="119">
        <v>3.1041067978707492E-2</v>
      </c>
      <c r="N81" s="92">
        <v>5.0313557212818147E-2</v>
      </c>
      <c r="O81" s="119">
        <v>0.17274782937687519</v>
      </c>
      <c r="P81" s="92">
        <v>8.6985747469109795E-2</v>
      </c>
    </row>
    <row r="82" spans="1:16">
      <c r="A82" s="52" t="s">
        <v>544</v>
      </c>
      <c r="B82" s="122">
        <v>110</v>
      </c>
      <c r="C82" s="116">
        <v>0.42714313550504357</v>
      </c>
      <c r="D82" s="89">
        <v>9.2728209158176242E-2</v>
      </c>
      <c r="E82" s="116">
        <v>0.25138350980938018</v>
      </c>
      <c r="F82" s="89">
        <v>8.217467454230605E-2</v>
      </c>
      <c r="G82" s="116">
        <v>0.32147335468557636</v>
      </c>
      <c r="H82" s="89">
        <v>8.7924531636049894E-2</v>
      </c>
      <c r="I82" s="116">
        <v>0.48908247243864461</v>
      </c>
      <c r="J82" s="89">
        <v>9.3637791371384088E-2</v>
      </c>
      <c r="K82" s="116">
        <v>0.25165623296776785</v>
      </c>
      <c r="L82" s="89">
        <v>8.2201610679957363E-2</v>
      </c>
      <c r="M82" s="116">
        <v>0.15902841213560812</v>
      </c>
      <c r="N82" s="89">
        <v>7.0525334861958194E-2</v>
      </c>
      <c r="O82" s="116">
        <v>0.18822759949229817</v>
      </c>
      <c r="P82" s="89">
        <v>7.4809581725334792E-2</v>
      </c>
    </row>
    <row r="83" spans="1:16">
      <c r="A83" s="44" t="s">
        <v>545</v>
      </c>
      <c r="B83" s="124">
        <v>117</v>
      </c>
      <c r="C83" s="119">
        <v>0.43205643881018074</v>
      </c>
      <c r="D83" s="92">
        <v>9.0120917744438908E-2</v>
      </c>
      <c r="E83" s="119">
        <v>0.14724199378973479</v>
      </c>
      <c r="F83" s="92">
        <v>6.6470180981315879E-2</v>
      </c>
      <c r="G83" s="119">
        <v>0.42070156740008485</v>
      </c>
      <c r="H83" s="92">
        <v>8.9833756132232892E-2</v>
      </c>
      <c r="I83" s="119">
        <v>0.48417927376598391</v>
      </c>
      <c r="J83" s="92">
        <v>9.0866531773965864E-2</v>
      </c>
      <c r="K83" s="119">
        <v>0.34840660816660601</v>
      </c>
      <c r="L83" s="92">
        <v>8.6914740314390657E-2</v>
      </c>
      <c r="M83" s="119">
        <v>0.2385946328571463</v>
      </c>
      <c r="N83" s="92">
        <v>7.8437305034112059E-2</v>
      </c>
      <c r="O83" s="119">
        <v>0.27173350108144612</v>
      </c>
      <c r="P83" s="92">
        <v>8.1571843574712033E-2</v>
      </c>
    </row>
    <row r="90" spans="1:16" ht="18.75">
      <c r="A90" s="335" t="s">
        <v>10</v>
      </c>
      <c r="B90" s="335"/>
      <c r="C90" s="335"/>
      <c r="D90" s="335"/>
    </row>
    <row r="91" spans="1:16" ht="111" customHeight="1">
      <c r="A91" s="384" t="s">
        <v>602</v>
      </c>
      <c r="B91" s="384"/>
      <c r="C91" s="384"/>
      <c r="D91" s="384"/>
    </row>
    <row r="92" spans="1:16" ht="37.5" customHeight="1">
      <c r="A92" s="373" t="s">
        <v>114</v>
      </c>
      <c r="B92" s="373"/>
      <c r="C92" s="373"/>
      <c r="D92" s="373"/>
    </row>
    <row r="93" spans="1:16" ht="36" customHeight="1">
      <c r="A93" s="32" t="s">
        <v>71</v>
      </c>
      <c r="B93" s="33" t="s">
        <v>72</v>
      </c>
      <c r="C93" s="34" t="s">
        <v>584</v>
      </c>
      <c r="D93" s="35" t="s">
        <v>73</v>
      </c>
    </row>
    <row r="94" spans="1:16" ht="60">
      <c r="A94" s="36"/>
      <c r="B94" s="37" t="s">
        <v>74</v>
      </c>
      <c r="C94" s="38" t="s">
        <v>115</v>
      </c>
      <c r="D94" s="39" t="s">
        <v>76</v>
      </c>
    </row>
    <row r="95" spans="1:16">
      <c r="A95" s="40" t="s">
        <v>350</v>
      </c>
      <c r="B95" s="126">
        <v>13131</v>
      </c>
      <c r="C95" s="127">
        <v>3.8724198307450646</v>
      </c>
      <c r="D95" s="128">
        <v>2.1149521632353018E-2</v>
      </c>
    </row>
    <row r="96" spans="1:16">
      <c r="A96" s="44" t="s">
        <v>351</v>
      </c>
      <c r="B96" s="44">
        <v>9681</v>
      </c>
      <c r="C96" s="130">
        <v>3.647158658447113</v>
      </c>
      <c r="D96" s="131">
        <v>2.4227169989763712E-2</v>
      </c>
    </row>
    <row r="97" spans="1:4">
      <c r="A97" s="40" t="s">
        <v>352</v>
      </c>
      <c r="B97" s="48">
        <v>3450</v>
      </c>
      <c r="C97" s="127">
        <v>4.057011686604965</v>
      </c>
      <c r="D97" s="128">
        <v>4.1926708767909347E-2</v>
      </c>
    </row>
    <row r="98" spans="1:4">
      <c r="A98" s="44" t="s">
        <v>534</v>
      </c>
      <c r="B98" s="44">
        <v>1601</v>
      </c>
      <c r="C98" s="130">
        <v>3.851794552900663</v>
      </c>
      <c r="D98" s="131">
        <v>5.9024013365127852E-2</v>
      </c>
    </row>
    <row r="99" spans="1:4">
      <c r="A99" s="40" t="s">
        <v>535</v>
      </c>
      <c r="B99" s="48">
        <v>883</v>
      </c>
      <c r="C99" s="127">
        <v>3.6145638950777945</v>
      </c>
      <c r="D99" s="128">
        <v>7.540557578988237E-2</v>
      </c>
    </row>
    <row r="100" spans="1:4">
      <c r="A100" s="44" t="s">
        <v>536</v>
      </c>
      <c r="B100" s="44">
        <v>184</v>
      </c>
      <c r="C100" s="130">
        <v>3.545783089059082</v>
      </c>
      <c r="D100" s="131">
        <v>0.1639729555195524</v>
      </c>
    </row>
    <row r="101" spans="1:4">
      <c r="A101" s="40" t="s">
        <v>537</v>
      </c>
      <c r="B101" s="48">
        <v>67</v>
      </c>
      <c r="C101" s="127">
        <v>3.3990205957734512</v>
      </c>
      <c r="D101" s="128">
        <v>0.26749856948257084</v>
      </c>
    </row>
    <row r="102" spans="1:4">
      <c r="A102" s="44" t="s">
        <v>546</v>
      </c>
      <c r="B102" s="44">
        <v>723</v>
      </c>
      <c r="C102" s="130">
        <v>3.9601270180056192</v>
      </c>
      <c r="D102" s="131">
        <v>9.1521118915405417E-2</v>
      </c>
    </row>
    <row r="103" spans="1:4">
      <c r="A103" s="40" t="s">
        <v>547</v>
      </c>
      <c r="B103" s="48">
        <v>111</v>
      </c>
      <c r="C103" s="127">
        <v>3.7596033798975053</v>
      </c>
      <c r="D103" s="128">
        <v>0.24095791071477621</v>
      </c>
    </row>
    <row r="104" spans="1:4">
      <c r="A104" s="44" t="s">
        <v>548</v>
      </c>
      <c r="B104" s="44">
        <v>92</v>
      </c>
      <c r="C104" s="130">
        <v>3.7231087321630634</v>
      </c>
      <c r="D104" s="131">
        <v>0.24582423196039843</v>
      </c>
    </row>
    <row r="105" spans="1:4">
      <c r="A105" s="40" t="s">
        <v>538</v>
      </c>
      <c r="B105" s="126">
        <v>121</v>
      </c>
      <c r="C105" s="127">
        <v>3.9954413173624563</v>
      </c>
      <c r="D105" s="128">
        <v>0.21461925555412467</v>
      </c>
    </row>
    <row r="106" spans="1:4">
      <c r="A106" s="44" t="s">
        <v>539</v>
      </c>
      <c r="B106" s="129">
        <v>93</v>
      </c>
      <c r="C106" s="130">
        <v>4.0058024148621794</v>
      </c>
      <c r="D106" s="131">
        <v>0.23763379465898957</v>
      </c>
    </row>
    <row r="107" spans="1:4">
      <c r="A107" s="40" t="s">
        <v>540</v>
      </c>
      <c r="B107" s="78">
        <v>250</v>
      </c>
      <c r="C107" s="79">
        <v>3.5224043256479556</v>
      </c>
      <c r="D107" s="128">
        <v>0.13784952188973967</v>
      </c>
    </row>
    <row r="108" spans="1:4" ht="25.5">
      <c r="A108" s="44" t="s">
        <v>541</v>
      </c>
      <c r="B108" s="129">
        <v>111</v>
      </c>
      <c r="C108" s="130">
        <v>3.8108579756091507</v>
      </c>
      <c r="D108" s="131">
        <v>0.19945952337324394</v>
      </c>
    </row>
    <row r="109" spans="1:4" ht="25.5">
      <c r="A109" s="52" t="s">
        <v>549</v>
      </c>
      <c r="B109" s="126">
        <v>65</v>
      </c>
      <c r="C109" s="127">
        <v>3.1365991593301801</v>
      </c>
      <c r="D109" s="128">
        <v>0.24611574508143277</v>
      </c>
    </row>
    <row r="110" spans="1:4">
      <c r="A110" s="44" t="s">
        <v>543</v>
      </c>
      <c r="B110" s="129">
        <v>74</v>
      </c>
      <c r="C110" s="130">
        <v>3.381973406658815</v>
      </c>
      <c r="D110" s="131">
        <v>0.26578444996519085</v>
      </c>
    </row>
    <row r="111" spans="1:4">
      <c r="A111" s="52" t="s">
        <v>544</v>
      </c>
      <c r="B111" s="126">
        <v>110</v>
      </c>
      <c r="C111" s="127">
        <v>3.5348898909175155</v>
      </c>
      <c r="D111" s="128">
        <v>0.19491924613705441</v>
      </c>
    </row>
    <row r="112" spans="1:4">
      <c r="A112" s="44" t="s">
        <v>545</v>
      </c>
      <c r="B112" s="129">
        <v>121</v>
      </c>
      <c r="C112" s="130">
        <v>3.403536253151827</v>
      </c>
      <c r="D112" s="131">
        <v>0.19519205857407917</v>
      </c>
    </row>
    <row r="113" spans="1:37">
      <c r="P113" s="236"/>
      <c r="Q113" s="236"/>
      <c r="R113" s="236"/>
      <c r="S113" s="236"/>
      <c r="T113" s="236"/>
      <c r="U113" s="236"/>
      <c r="V113" s="236"/>
      <c r="W113" s="236"/>
      <c r="X113" s="236"/>
      <c r="Y113" s="236"/>
      <c r="Z113" s="236"/>
      <c r="AA113" s="236"/>
      <c r="AB113" s="236"/>
      <c r="AC113" s="236"/>
      <c r="AD113" s="236"/>
    </row>
    <row r="114" spans="1:37">
      <c r="P114" s="236"/>
      <c r="Q114" s="236"/>
      <c r="R114" s="236"/>
      <c r="S114" s="236"/>
      <c r="T114" s="236"/>
      <c r="U114" s="236"/>
      <c r="V114" s="236"/>
      <c r="W114" s="236"/>
      <c r="X114" s="236"/>
      <c r="Y114" s="236"/>
      <c r="Z114" s="236"/>
      <c r="AA114" s="236"/>
      <c r="AB114" s="236"/>
      <c r="AC114" s="236"/>
      <c r="AD114" s="236"/>
    </row>
    <row r="115" spans="1:37">
      <c r="P115" s="236"/>
      <c r="Q115" s="236"/>
      <c r="R115" s="236"/>
      <c r="S115" s="236"/>
      <c r="T115" s="236"/>
      <c r="U115" s="236"/>
      <c r="V115" s="236"/>
      <c r="W115" s="236"/>
      <c r="X115" s="236"/>
      <c r="Y115" s="236"/>
      <c r="Z115" s="236"/>
      <c r="AA115" s="236"/>
      <c r="AB115" s="236"/>
      <c r="AC115" s="236"/>
      <c r="AD115" s="236"/>
    </row>
    <row r="116" spans="1:37">
      <c r="P116" s="236"/>
      <c r="Q116" s="236"/>
      <c r="R116" s="236"/>
      <c r="S116" s="236"/>
      <c r="T116" s="236"/>
      <c r="U116" s="236"/>
      <c r="V116" s="236"/>
      <c r="W116" s="236"/>
      <c r="X116" s="236"/>
      <c r="Y116" s="236"/>
      <c r="Z116" s="236"/>
      <c r="AA116" s="236"/>
      <c r="AB116" s="236"/>
      <c r="AC116" s="236"/>
      <c r="AD116" s="236"/>
    </row>
    <row r="117" spans="1:37">
      <c r="P117" s="236"/>
      <c r="Q117" s="236"/>
      <c r="R117" s="236"/>
      <c r="S117" s="236"/>
      <c r="T117" s="236"/>
      <c r="U117" s="236"/>
      <c r="V117" s="236"/>
      <c r="W117" s="236"/>
      <c r="X117" s="236"/>
      <c r="Y117" s="236"/>
      <c r="Z117" s="236"/>
      <c r="AA117" s="236"/>
      <c r="AB117" s="236"/>
      <c r="AC117" s="236"/>
      <c r="AD117" s="236"/>
    </row>
    <row r="118" spans="1:37">
      <c r="P118" s="236"/>
      <c r="Q118" s="236"/>
      <c r="R118" s="236"/>
      <c r="S118" s="236"/>
      <c r="T118" s="236"/>
      <c r="U118" s="236"/>
      <c r="V118" s="236"/>
      <c r="W118" s="236"/>
      <c r="X118" s="236"/>
      <c r="Y118" s="236"/>
      <c r="Z118" s="236"/>
      <c r="AA118" s="236"/>
      <c r="AB118" s="236"/>
      <c r="AC118" s="236"/>
      <c r="AD118" s="236"/>
    </row>
    <row r="119" spans="1:37" ht="18.75">
      <c r="A119" s="335" t="s">
        <v>36</v>
      </c>
      <c r="B119" s="335"/>
      <c r="C119" s="335"/>
      <c r="D119" s="335"/>
      <c r="E119" s="335"/>
      <c r="F119" s="335"/>
      <c r="G119" s="335"/>
      <c r="H119" s="335"/>
      <c r="I119" s="335"/>
      <c r="J119" s="335"/>
      <c r="K119" s="335"/>
      <c r="L119" s="335"/>
      <c r="M119" s="335"/>
      <c r="N119" s="335"/>
      <c r="O119" s="335"/>
      <c r="P119" s="335"/>
      <c r="Q119" s="335"/>
      <c r="R119" s="335"/>
      <c r="S119" s="335"/>
      <c r="T119" s="335"/>
      <c r="U119" s="335"/>
      <c r="V119" s="335"/>
      <c r="W119" s="335"/>
      <c r="X119" s="335"/>
      <c r="Y119" s="335"/>
      <c r="Z119" s="335"/>
      <c r="AA119" s="335"/>
      <c r="AB119" s="335"/>
      <c r="AC119" s="335"/>
      <c r="AD119" s="335"/>
      <c r="AE119" s="335"/>
      <c r="AF119" s="335"/>
      <c r="AG119" s="335"/>
      <c r="AH119" s="335"/>
      <c r="AI119" s="335"/>
      <c r="AJ119" s="335"/>
      <c r="AK119" s="335"/>
    </row>
    <row r="120" spans="1:37" ht="72" customHeight="1">
      <c r="A120" s="382" t="s">
        <v>582</v>
      </c>
      <c r="B120" s="382"/>
      <c r="C120" s="382"/>
      <c r="D120" s="382"/>
      <c r="E120" s="382"/>
      <c r="F120" s="382"/>
      <c r="G120" s="382"/>
      <c r="H120" s="382"/>
      <c r="I120" s="382"/>
      <c r="J120" s="382"/>
      <c r="K120" s="382"/>
      <c r="L120" s="382"/>
      <c r="M120" s="382"/>
      <c r="N120" s="382"/>
      <c r="O120" s="382"/>
      <c r="P120" s="382"/>
      <c r="Q120" s="382"/>
      <c r="R120" s="382"/>
      <c r="S120" s="382"/>
      <c r="T120" s="382"/>
      <c r="U120" s="382"/>
      <c r="V120" s="382"/>
      <c r="W120" s="382"/>
      <c r="X120" s="382"/>
      <c r="Y120" s="382"/>
      <c r="Z120" s="382"/>
      <c r="AA120" s="382"/>
      <c r="AB120" s="382"/>
      <c r="AC120" s="382"/>
      <c r="AD120" s="382"/>
      <c r="AE120" s="382"/>
      <c r="AF120" s="382"/>
      <c r="AG120" s="382"/>
      <c r="AH120" s="382"/>
      <c r="AI120" s="382"/>
      <c r="AJ120" s="382"/>
      <c r="AK120" s="382"/>
    </row>
    <row r="121" spans="1:37" ht="41.25" customHeight="1">
      <c r="A121" s="59"/>
      <c r="B121" s="378" t="s">
        <v>221</v>
      </c>
      <c r="C121" s="379"/>
      <c r="D121" s="379"/>
      <c r="E121" s="379"/>
      <c r="F121" s="379"/>
      <c r="G121" s="379"/>
      <c r="H121" s="379"/>
      <c r="I121" s="379"/>
      <c r="J121" s="380"/>
      <c r="K121" s="376" t="s">
        <v>379</v>
      </c>
      <c r="L121" s="377"/>
      <c r="M121" s="377"/>
      <c r="N121" s="377"/>
      <c r="O121" s="377"/>
      <c r="P121" s="377"/>
      <c r="Q121" s="377"/>
      <c r="R121" s="377"/>
      <c r="S121" s="377"/>
      <c r="T121" s="378" t="s">
        <v>193</v>
      </c>
      <c r="U121" s="379"/>
      <c r="V121" s="379"/>
      <c r="W121" s="379"/>
      <c r="X121" s="379"/>
      <c r="Y121" s="379"/>
      <c r="Z121" s="379"/>
      <c r="AA121" s="379"/>
      <c r="AB121" s="380"/>
      <c r="AC121" s="376" t="s">
        <v>380</v>
      </c>
      <c r="AD121" s="377"/>
      <c r="AE121" s="377"/>
      <c r="AF121" s="377"/>
      <c r="AG121" s="377"/>
      <c r="AH121" s="377"/>
      <c r="AI121" s="377"/>
      <c r="AJ121" s="377"/>
      <c r="AK121" s="377"/>
    </row>
    <row r="122" spans="1:37" ht="40.5" customHeight="1">
      <c r="A122" s="32" t="s">
        <v>71</v>
      </c>
      <c r="B122" s="33" t="s">
        <v>72</v>
      </c>
      <c r="C122" s="33" t="s">
        <v>156</v>
      </c>
      <c r="D122" s="84" t="s">
        <v>85</v>
      </c>
      <c r="E122" s="33" t="s">
        <v>157</v>
      </c>
      <c r="F122" s="84" t="s">
        <v>86</v>
      </c>
      <c r="G122" s="33" t="s">
        <v>158</v>
      </c>
      <c r="H122" s="84" t="s">
        <v>87</v>
      </c>
      <c r="I122" s="33" t="s">
        <v>301</v>
      </c>
      <c r="J122" s="84" t="s">
        <v>300</v>
      </c>
      <c r="K122" s="60" t="s">
        <v>72</v>
      </c>
      <c r="L122" s="60" t="s">
        <v>156</v>
      </c>
      <c r="M122" s="83" t="s">
        <v>85</v>
      </c>
      <c r="N122" s="60" t="s">
        <v>157</v>
      </c>
      <c r="O122" s="83" t="s">
        <v>86</v>
      </c>
      <c r="P122" s="60" t="s">
        <v>158</v>
      </c>
      <c r="Q122" s="83" t="s">
        <v>87</v>
      </c>
      <c r="R122" s="60" t="s">
        <v>301</v>
      </c>
      <c r="S122" s="83" t="s">
        <v>300</v>
      </c>
      <c r="T122" s="33" t="s">
        <v>72</v>
      </c>
      <c r="U122" s="33" t="s">
        <v>156</v>
      </c>
      <c r="V122" s="84" t="s">
        <v>85</v>
      </c>
      <c r="W122" s="33" t="s">
        <v>157</v>
      </c>
      <c r="X122" s="84" t="s">
        <v>86</v>
      </c>
      <c r="Y122" s="33" t="s">
        <v>158</v>
      </c>
      <c r="Z122" s="84" t="s">
        <v>87</v>
      </c>
      <c r="AA122" s="33" t="s">
        <v>301</v>
      </c>
      <c r="AB122" s="84" t="s">
        <v>300</v>
      </c>
      <c r="AC122" s="60" t="s">
        <v>72</v>
      </c>
      <c r="AD122" s="60" t="s">
        <v>156</v>
      </c>
      <c r="AE122" s="83" t="s">
        <v>85</v>
      </c>
      <c r="AF122" s="60" t="s">
        <v>157</v>
      </c>
      <c r="AG122" s="83" t="s">
        <v>86</v>
      </c>
      <c r="AH122" s="60" t="s">
        <v>158</v>
      </c>
      <c r="AI122" s="83" t="s">
        <v>87</v>
      </c>
      <c r="AJ122" s="60" t="s">
        <v>301</v>
      </c>
      <c r="AK122" s="83" t="s">
        <v>300</v>
      </c>
    </row>
    <row r="123" spans="1:37" ht="66" customHeight="1">
      <c r="A123" s="36"/>
      <c r="B123" s="37" t="s">
        <v>74</v>
      </c>
      <c r="C123" s="37" t="s">
        <v>159</v>
      </c>
      <c r="D123" s="86" t="s">
        <v>88</v>
      </c>
      <c r="E123" s="37" t="s">
        <v>160</v>
      </c>
      <c r="F123" s="86" t="s">
        <v>88</v>
      </c>
      <c r="G123" s="37" t="s">
        <v>161</v>
      </c>
      <c r="H123" s="86" t="s">
        <v>88</v>
      </c>
      <c r="I123" s="37" t="s">
        <v>301</v>
      </c>
      <c r="J123" s="86" t="s">
        <v>88</v>
      </c>
      <c r="K123" s="63" t="s">
        <v>74</v>
      </c>
      <c r="L123" s="63" t="s">
        <v>159</v>
      </c>
      <c r="M123" s="85" t="s">
        <v>88</v>
      </c>
      <c r="N123" s="63" t="s">
        <v>160</v>
      </c>
      <c r="O123" s="85" t="s">
        <v>88</v>
      </c>
      <c r="P123" s="63" t="s">
        <v>161</v>
      </c>
      <c r="Q123" s="85" t="s">
        <v>88</v>
      </c>
      <c r="R123" s="63" t="s">
        <v>301</v>
      </c>
      <c r="S123" s="85" t="s">
        <v>88</v>
      </c>
      <c r="T123" s="37" t="s">
        <v>74</v>
      </c>
      <c r="U123" s="37" t="s">
        <v>159</v>
      </c>
      <c r="V123" s="86" t="s">
        <v>88</v>
      </c>
      <c r="W123" s="37" t="s">
        <v>160</v>
      </c>
      <c r="X123" s="86" t="s">
        <v>88</v>
      </c>
      <c r="Y123" s="37" t="s">
        <v>161</v>
      </c>
      <c r="Z123" s="86" t="s">
        <v>88</v>
      </c>
      <c r="AA123" s="37" t="s">
        <v>301</v>
      </c>
      <c r="AB123" s="86" t="s">
        <v>88</v>
      </c>
      <c r="AC123" s="63" t="s">
        <v>74</v>
      </c>
      <c r="AD123" s="63" t="s">
        <v>159</v>
      </c>
      <c r="AE123" s="85" t="s">
        <v>88</v>
      </c>
      <c r="AF123" s="63" t="s">
        <v>160</v>
      </c>
      <c r="AG123" s="85" t="s">
        <v>88</v>
      </c>
      <c r="AH123" s="63" t="s">
        <v>161</v>
      </c>
      <c r="AI123" s="85" t="s">
        <v>88</v>
      </c>
      <c r="AJ123" s="63" t="s">
        <v>301</v>
      </c>
      <c r="AK123" s="85" t="s">
        <v>88</v>
      </c>
    </row>
    <row r="124" spans="1:37">
      <c r="A124" s="40" t="s">
        <v>350</v>
      </c>
      <c r="B124" s="132">
        <v>13965</v>
      </c>
      <c r="C124" s="133">
        <v>0.36644795766614507</v>
      </c>
      <c r="D124" s="89">
        <v>8.1536898892394533E-3</v>
      </c>
      <c r="E124" s="133">
        <v>0.23648040341275756</v>
      </c>
      <c r="F124" s="89">
        <v>7.191224160995411E-3</v>
      </c>
      <c r="G124" s="133">
        <v>0.38329741118132249</v>
      </c>
      <c r="H124" s="89">
        <v>8.2273567588273637E-3</v>
      </c>
      <c r="I124" s="133">
        <v>1.3774227739792673E-2</v>
      </c>
      <c r="J124" s="89">
        <v>1.9820855190901066E-3</v>
      </c>
      <c r="K124" s="132">
        <v>13880</v>
      </c>
      <c r="L124" s="133">
        <v>0.32062561491627489</v>
      </c>
      <c r="M124" s="89">
        <v>7.9221828736430119E-3</v>
      </c>
      <c r="N124" s="133">
        <v>0.2335049807445477</v>
      </c>
      <c r="O124" s="89">
        <v>7.1816638157436805E-3</v>
      </c>
      <c r="P124" s="133">
        <v>0.38589727124803358</v>
      </c>
      <c r="Q124" s="89">
        <v>8.2629653853185988E-3</v>
      </c>
      <c r="R124" s="133">
        <v>5.9972133091162609E-2</v>
      </c>
      <c r="S124" s="89">
        <v>4.0341036549552522E-3</v>
      </c>
      <c r="T124" s="132">
        <v>13922</v>
      </c>
      <c r="U124" s="133">
        <v>0.49368915731230545</v>
      </c>
      <c r="V124" s="89">
        <v>8.4732930857762939E-3</v>
      </c>
      <c r="W124" s="133">
        <v>0.19666974281796323</v>
      </c>
      <c r="X124" s="89">
        <v>6.7376005886321923E-3</v>
      </c>
      <c r="Y124" s="133">
        <v>0.21420187864334492</v>
      </c>
      <c r="Z124" s="89">
        <v>6.9541563128915091E-3</v>
      </c>
      <c r="AA124" s="133">
        <v>9.543922122640483E-2</v>
      </c>
      <c r="AB124" s="89">
        <v>4.9823639893224105E-3</v>
      </c>
      <c r="AC124" s="132">
        <v>13902</v>
      </c>
      <c r="AD124" s="133">
        <v>0.30993186866202399</v>
      </c>
      <c r="AE124" s="89">
        <v>7.8438464444957785E-3</v>
      </c>
      <c r="AF124" s="133">
        <v>0.25085781071638874</v>
      </c>
      <c r="AG124" s="89">
        <v>7.3530255757909366E-3</v>
      </c>
      <c r="AH124" s="133">
        <v>0.36624752792057691</v>
      </c>
      <c r="AI124" s="89">
        <v>8.1711972448100367E-3</v>
      </c>
      <c r="AJ124" s="133">
        <v>7.2962792701029858E-2</v>
      </c>
      <c r="AK124" s="89">
        <v>4.4143288466272764E-3</v>
      </c>
    </row>
    <row r="125" spans="1:37">
      <c r="A125" s="44" t="s">
        <v>351</v>
      </c>
      <c r="B125" s="134">
        <v>10219</v>
      </c>
      <c r="C125" s="135">
        <v>0.37425977793015447</v>
      </c>
      <c r="D125" s="92">
        <v>9.5727319604077283E-3</v>
      </c>
      <c r="E125" s="135">
        <v>0.23341807096192999</v>
      </c>
      <c r="F125" s="92">
        <v>8.3686384836117785E-3</v>
      </c>
      <c r="G125" s="135">
        <v>0.38310947720462957</v>
      </c>
      <c r="H125" s="92">
        <v>9.6164800316819662E-3</v>
      </c>
      <c r="I125" s="135">
        <v>9.2126739032861969E-3</v>
      </c>
      <c r="J125" s="92">
        <v>1.9092445910410185E-3</v>
      </c>
      <c r="K125" s="134">
        <v>10160</v>
      </c>
      <c r="L125" s="135">
        <v>0.3955655587075626</v>
      </c>
      <c r="M125" s="92">
        <v>9.700392325624042E-3</v>
      </c>
      <c r="N125" s="135">
        <v>0.24201743914323703</v>
      </c>
      <c r="O125" s="92">
        <v>8.4979191117963739E-3</v>
      </c>
      <c r="P125" s="135">
        <v>0.30657256229566193</v>
      </c>
      <c r="Q125" s="92">
        <v>9.1473414897307644E-3</v>
      </c>
      <c r="R125" s="135">
        <v>5.5844439853537209E-2</v>
      </c>
      <c r="S125" s="92">
        <v>4.5619217166565718E-3</v>
      </c>
      <c r="T125" s="134">
        <v>10190</v>
      </c>
      <c r="U125" s="135">
        <v>0.59206716223797629</v>
      </c>
      <c r="V125" s="92">
        <v>9.7351686821155105E-3</v>
      </c>
      <c r="W125" s="135">
        <v>0.16742939549663968</v>
      </c>
      <c r="X125" s="92">
        <v>7.3980832736661069E-3</v>
      </c>
      <c r="Y125" s="135">
        <v>0.16741015566277798</v>
      </c>
      <c r="Z125" s="92">
        <v>7.3977441462118208E-3</v>
      </c>
      <c r="AA125" s="135">
        <v>7.3093286602602531E-2</v>
      </c>
      <c r="AB125" s="92">
        <v>5.1614565408424152E-3</v>
      </c>
      <c r="AC125" s="134">
        <v>10170</v>
      </c>
      <c r="AD125" s="135">
        <v>0.36260903263568517</v>
      </c>
      <c r="AE125" s="92">
        <v>9.5327967279677656E-3</v>
      </c>
      <c r="AF125" s="135">
        <v>0.23904894787629591</v>
      </c>
      <c r="AG125" s="92">
        <v>8.458041366186669E-3</v>
      </c>
      <c r="AH125" s="135">
        <v>0.32679779631457401</v>
      </c>
      <c r="AI125" s="92">
        <v>9.3007876747110592E-3</v>
      </c>
      <c r="AJ125" s="135">
        <v>7.154422317344393E-2</v>
      </c>
      <c r="AK125" s="92">
        <v>5.1159147516388311E-3</v>
      </c>
    </row>
    <row r="126" spans="1:37">
      <c r="A126" s="40" t="s">
        <v>352</v>
      </c>
      <c r="B126" s="78">
        <v>3746</v>
      </c>
      <c r="C126" s="93">
        <v>0.3601543210122039</v>
      </c>
      <c r="D126" s="89">
        <v>1.5679621934904357E-2</v>
      </c>
      <c r="E126" s="93">
        <v>0.23894758866633725</v>
      </c>
      <c r="F126" s="89">
        <v>1.393305687139991E-2</v>
      </c>
      <c r="G126" s="93">
        <v>0.383448821239948</v>
      </c>
      <c r="H126" s="89">
        <v>1.5881050741124794E-2</v>
      </c>
      <c r="I126" s="93">
        <v>1.7449269081511242E-2</v>
      </c>
      <c r="J126" s="89">
        <v>4.3378993293283763E-3</v>
      </c>
      <c r="K126" s="78">
        <v>3720</v>
      </c>
      <c r="L126" s="93">
        <v>0.26012095205869695</v>
      </c>
      <c r="M126" s="89">
        <v>1.4382439062372796E-2</v>
      </c>
      <c r="N126" s="93">
        <v>0.22663223172118518</v>
      </c>
      <c r="O126" s="89">
        <v>1.372706617716388E-2</v>
      </c>
      <c r="P126" s="93">
        <v>0.44994208538352093</v>
      </c>
      <c r="Q126" s="89">
        <v>1.6304684417490233E-2</v>
      </c>
      <c r="R126" s="93">
        <v>6.3304730836596809E-2</v>
      </c>
      <c r="S126" s="89">
        <v>8.0082325271413016E-3</v>
      </c>
      <c r="T126" s="78">
        <v>3732</v>
      </c>
      <c r="U126" s="93">
        <v>0.41453265323534544</v>
      </c>
      <c r="V126" s="89">
        <v>1.6120231012975293E-2</v>
      </c>
      <c r="W126" s="93">
        <v>0.22019699033329698</v>
      </c>
      <c r="X126" s="89">
        <v>1.3565521463450985E-2</v>
      </c>
      <c r="Y126" s="93">
        <v>0.25185124156421401</v>
      </c>
      <c r="Z126" s="89">
        <v>1.4208375148641556E-2</v>
      </c>
      <c r="AA126" s="93">
        <v>0.11341911486714538</v>
      </c>
      <c r="AB126" s="89">
        <v>1.0392462377978003E-2</v>
      </c>
      <c r="AC126" s="78">
        <v>3732</v>
      </c>
      <c r="AD126" s="93">
        <v>0.26746387235264757</v>
      </c>
      <c r="AE126" s="89">
        <v>1.4487780994636582E-2</v>
      </c>
      <c r="AF126" s="93">
        <v>0.26037804122388397</v>
      </c>
      <c r="AG126" s="89">
        <v>1.4363892813970059E-2</v>
      </c>
      <c r="AH126" s="93">
        <v>0.39805165194453163</v>
      </c>
      <c r="AI126" s="89">
        <v>1.6017548534641241E-2</v>
      </c>
      <c r="AJ126" s="93">
        <v>7.4106434478937069E-2</v>
      </c>
      <c r="AK126" s="89">
        <v>8.5952820793282168E-3</v>
      </c>
    </row>
    <row r="127" spans="1:37">
      <c r="A127" s="44" t="s">
        <v>534</v>
      </c>
      <c r="B127" s="134">
        <v>1708</v>
      </c>
      <c r="C127" s="135">
        <v>0.32003191588233448</v>
      </c>
      <c r="D127" s="92">
        <v>2.255640179317692E-2</v>
      </c>
      <c r="E127" s="135">
        <v>0.24749629188585665</v>
      </c>
      <c r="F127" s="92">
        <v>2.0876778254658654E-2</v>
      </c>
      <c r="G127" s="135">
        <v>0.41429221428375007</v>
      </c>
      <c r="H127" s="92">
        <v>2.3812373170348396E-2</v>
      </c>
      <c r="I127" s="135">
        <v>1.8179577948057919E-2</v>
      </c>
      <c r="J127" s="92">
        <v>6.6509487347034503E-3</v>
      </c>
      <c r="K127" s="134">
        <v>1699</v>
      </c>
      <c r="L127" s="135">
        <v>0.33820953728508607</v>
      </c>
      <c r="M127" s="92">
        <v>2.293480082891821E-2</v>
      </c>
      <c r="N127" s="135">
        <v>0.22947562751373707</v>
      </c>
      <c r="O127" s="92">
        <v>2.0398838585567007E-2</v>
      </c>
      <c r="P127" s="135">
        <v>0.36267713990026268</v>
      </c>
      <c r="Q127" s="92">
        <v>2.3304812807861529E-2</v>
      </c>
      <c r="R127" s="135">
        <v>6.9637695300913863E-2</v>
      </c>
      <c r="S127" s="92">
        <v>1.2418359494095831E-2</v>
      </c>
      <c r="T127" s="134">
        <v>1699</v>
      </c>
      <c r="U127" s="135">
        <v>0.52640874894643264</v>
      </c>
      <c r="V127" s="92">
        <v>2.419852566499188E-2</v>
      </c>
      <c r="W127" s="135">
        <v>0.19232131698687305</v>
      </c>
      <c r="X127" s="92">
        <v>1.9128272315665593E-2</v>
      </c>
      <c r="Y127" s="135">
        <v>0.18265942972382987</v>
      </c>
      <c r="Z127" s="92">
        <v>1.875562021763531E-2</v>
      </c>
      <c r="AA127" s="135">
        <v>9.8610504342864405E-2</v>
      </c>
      <c r="AB127" s="92">
        <v>1.4510403227956565E-2</v>
      </c>
      <c r="AC127" s="134">
        <v>1697</v>
      </c>
      <c r="AD127" s="135">
        <v>0.30274896229606352</v>
      </c>
      <c r="AE127" s="92">
        <v>2.2289569992193396E-2</v>
      </c>
      <c r="AF127" s="135">
        <v>0.25340950401114648</v>
      </c>
      <c r="AG127" s="92">
        <v>2.1108536339856557E-2</v>
      </c>
      <c r="AH127" s="135">
        <v>0.37738536599323824</v>
      </c>
      <c r="AI127" s="92">
        <v>2.3509602609718207E-2</v>
      </c>
      <c r="AJ127" s="135">
        <v>6.6456167699551566E-2</v>
      </c>
      <c r="AK127" s="92">
        <v>1.2164143386240134E-2</v>
      </c>
    </row>
    <row r="128" spans="1:37">
      <c r="A128" s="40" t="s">
        <v>535</v>
      </c>
      <c r="B128" s="78">
        <v>928</v>
      </c>
      <c r="C128" s="93">
        <v>0.33573572813559344</v>
      </c>
      <c r="D128" s="89">
        <v>3.0953957470915821E-2</v>
      </c>
      <c r="E128" s="93">
        <v>0.24600328127105076</v>
      </c>
      <c r="F128" s="89">
        <v>2.8256811980158562E-2</v>
      </c>
      <c r="G128" s="93">
        <v>0.41049222934961344</v>
      </c>
      <c r="H128" s="89">
        <v>3.2231524359422815E-2</v>
      </c>
      <c r="I128" s="93">
        <v>7.7687612437420187E-3</v>
      </c>
      <c r="J128" s="89">
        <v>6.4799793204370513E-3</v>
      </c>
      <c r="K128" s="78">
        <v>923</v>
      </c>
      <c r="L128" s="93">
        <v>0.39788504390892726</v>
      </c>
      <c r="M128" s="89">
        <v>3.2158073067460206E-2</v>
      </c>
      <c r="N128" s="93">
        <v>0.26650339253594379</v>
      </c>
      <c r="O128" s="89">
        <v>2.9077794842087439E-2</v>
      </c>
      <c r="P128" s="93">
        <v>0.27182460479149828</v>
      </c>
      <c r="Q128" s="89">
        <v>2.9257944567681337E-2</v>
      </c>
      <c r="R128" s="93">
        <v>6.3786958763630358E-2</v>
      </c>
      <c r="S128" s="89">
        <v>1.6271267028837577E-2</v>
      </c>
      <c r="T128" s="78">
        <v>925</v>
      </c>
      <c r="U128" s="93">
        <v>0.66396596932451368</v>
      </c>
      <c r="V128" s="89">
        <v>3.1010688032739268E-2</v>
      </c>
      <c r="W128" s="93">
        <v>0.15015451928010534</v>
      </c>
      <c r="X128" s="89">
        <v>2.3536595154694445E-2</v>
      </c>
      <c r="Y128" s="93">
        <v>0.1357745727480402</v>
      </c>
      <c r="Z128" s="89">
        <v>2.258625564933996E-2</v>
      </c>
      <c r="AA128" s="93">
        <v>5.0104938647340412E-2</v>
      </c>
      <c r="AB128" s="89">
        <v>1.4574507537048434E-2</v>
      </c>
      <c r="AC128" s="78">
        <v>921</v>
      </c>
      <c r="AD128" s="93">
        <v>0.36867643028598751</v>
      </c>
      <c r="AE128" s="89">
        <v>3.1735593529157294E-2</v>
      </c>
      <c r="AF128" s="93">
        <v>0.27320577079048347</v>
      </c>
      <c r="AG128" s="89">
        <v>2.9335580417593606E-2</v>
      </c>
      <c r="AH128" s="93">
        <v>0.3111245681259866</v>
      </c>
      <c r="AI128" s="89">
        <v>3.0465500943575245E-2</v>
      </c>
      <c r="AJ128" s="93">
        <v>4.6993230797542543E-2</v>
      </c>
      <c r="AK128" s="89">
        <v>1.4188821357209379E-2</v>
      </c>
    </row>
    <row r="129" spans="1:37">
      <c r="A129" s="44" t="s">
        <v>536</v>
      </c>
      <c r="B129" s="134">
        <v>198</v>
      </c>
      <c r="C129" s="135">
        <v>0.33521152584354974</v>
      </c>
      <c r="D129" s="92">
        <v>6.6587181862329675E-2</v>
      </c>
      <c r="E129" s="135">
        <v>0.28545805082803466</v>
      </c>
      <c r="F129" s="92">
        <v>6.3834036737097283E-2</v>
      </c>
      <c r="G129" s="135">
        <v>0.37557142247611808</v>
      </c>
      <c r="H129" s="92">
        <v>6.8234398760564974E-2</v>
      </c>
      <c r="I129" s="135">
        <v>3.7590008522971202E-3</v>
      </c>
      <c r="J129" s="92">
        <v>1.6290061343662392E-2</v>
      </c>
      <c r="K129" s="134">
        <v>198</v>
      </c>
      <c r="L129" s="135">
        <v>0.35983300045534955</v>
      </c>
      <c r="M129" s="92">
        <v>6.7651348325156624E-2</v>
      </c>
      <c r="N129" s="135">
        <v>0.27576225461087811</v>
      </c>
      <c r="O129" s="92">
        <v>6.3196864440465919E-2</v>
      </c>
      <c r="P129" s="135">
        <v>0.27660252330844193</v>
      </c>
      <c r="Q129" s="92">
        <v>6.3253456925254387E-2</v>
      </c>
      <c r="R129" s="135">
        <v>8.7802221625329857E-2</v>
      </c>
      <c r="S129" s="92">
        <v>4.1447893632260147E-2</v>
      </c>
      <c r="T129" s="134">
        <v>198</v>
      </c>
      <c r="U129" s="135">
        <v>0.67576220911930063</v>
      </c>
      <c r="V129" s="92">
        <v>6.6051134100318876E-2</v>
      </c>
      <c r="W129" s="135">
        <v>0.13605113177477801</v>
      </c>
      <c r="X129" s="92">
        <v>4.9299081994072978E-2</v>
      </c>
      <c r="Y129" s="135">
        <v>0.10158727240068474</v>
      </c>
      <c r="Z129" s="92">
        <v>4.3937737246675573E-2</v>
      </c>
      <c r="AA129" s="135">
        <v>8.659938670523637E-2</v>
      </c>
      <c r="AB129" s="92">
        <v>4.121934548970782E-2</v>
      </c>
      <c r="AC129" s="134">
        <v>197</v>
      </c>
      <c r="AD129" s="135">
        <v>0.36390365853864465</v>
      </c>
      <c r="AE129" s="92">
        <v>6.7978289341552256E-2</v>
      </c>
      <c r="AF129" s="135">
        <v>0.2673189276816485</v>
      </c>
      <c r="AG129" s="92">
        <v>6.2770675152869382E-2</v>
      </c>
      <c r="AH129" s="135">
        <v>0.32458500927362172</v>
      </c>
      <c r="AI129" s="92">
        <v>6.6233731815503585E-2</v>
      </c>
      <c r="AJ129" s="135">
        <v>4.4192404506084679E-2</v>
      </c>
      <c r="AK129" s="92">
        <v>3.1678180790286711E-2</v>
      </c>
    </row>
    <row r="130" spans="1:37">
      <c r="A130" s="40" t="s">
        <v>537</v>
      </c>
      <c r="B130" s="78">
        <v>73</v>
      </c>
      <c r="C130" s="93">
        <v>0.28657112151584113</v>
      </c>
      <c r="D130" s="89">
        <v>0.10421203435320581</v>
      </c>
      <c r="E130" s="93">
        <v>0.40396971209390137</v>
      </c>
      <c r="F130" s="89">
        <v>0.1120555077163249</v>
      </c>
      <c r="G130" s="93">
        <v>0.30945916639025761</v>
      </c>
      <c r="H130" s="89">
        <v>0.10626314995757827</v>
      </c>
      <c r="I130" s="93">
        <v>0</v>
      </c>
      <c r="J130" s="89">
        <v>3.6252631573966396E-2</v>
      </c>
      <c r="K130" s="78">
        <v>73</v>
      </c>
      <c r="L130" s="93">
        <v>0.42817953872464543</v>
      </c>
      <c r="M130" s="89">
        <v>0.1128989471489894</v>
      </c>
      <c r="N130" s="93">
        <v>0.24804666614653528</v>
      </c>
      <c r="O130" s="89">
        <v>0.10011515030534404</v>
      </c>
      <c r="P130" s="93">
        <v>0.19137847930997751</v>
      </c>
      <c r="Q130" s="89">
        <v>9.2411147976872679E-2</v>
      </c>
      <c r="R130" s="93">
        <v>0.13239531581884206</v>
      </c>
      <c r="S130" s="89">
        <v>8.1715991878005531E-2</v>
      </c>
      <c r="T130" s="78">
        <v>73</v>
      </c>
      <c r="U130" s="93">
        <v>0.63680804873595198</v>
      </c>
      <c r="V130" s="89">
        <v>0.11005963319391916</v>
      </c>
      <c r="W130" s="93">
        <v>0.16368923910905889</v>
      </c>
      <c r="X130" s="89">
        <v>8.7783975841061318E-2</v>
      </c>
      <c r="Y130" s="93">
        <v>9.6230711883749084E-2</v>
      </c>
      <c r="Z130" s="89">
        <v>7.3314322190693129E-2</v>
      </c>
      <c r="AA130" s="93">
        <v>0.10327200027124007</v>
      </c>
      <c r="AB130" s="89">
        <v>7.5087717933041337E-2</v>
      </c>
      <c r="AC130" s="78">
        <v>73</v>
      </c>
      <c r="AD130" s="93">
        <v>0.42431788427394018</v>
      </c>
      <c r="AE130" s="89">
        <v>0.11278110154499055</v>
      </c>
      <c r="AF130" s="93">
        <v>0.329467845891108</v>
      </c>
      <c r="AG130" s="89">
        <v>0.10783867962299756</v>
      </c>
      <c r="AH130" s="93">
        <v>0.20873754595181196</v>
      </c>
      <c r="AI130" s="89">
        <v>9.5005441646912367E-2</v>
      </c>
      <c r="AJ130" s="93">
        <v>3.7476723883140065E-2</v>
      </c>
      <c r="AK130" s="89">
        <v>5.475858539085126E-2</v>
      </c>
    </row>
    <row r="131" spans="1:37">
      <c r="A131" s="44" t="s">
        <v>546</v>
      </c>
      <c r="B131" s="134">
        <v>788</v>
      </c>
      <c r="C131" s="135">
        <v>0.31318883923405449</v>
      </c>
      <c r="D131" s="92">
        <v>3.2987081128150277E-2</v>
      </c>
      <c r="E131" s="135">
        <v>0.24758779692782099</v>
      </c>
      <c r="F131" s="92">
        <v>3.0726063143912293E-2</v>
      </c>
      <c r="G131" s="135">
        <v>0.41673359615575217</v>
      </c>
      <c r="H131" s="92">
        <v>3.504229496514287E-2</v>
      </c>
      <c r="I131" s="135">
        <v>2.2489767682373714E-2</v>
      </c>
      <c r="J131" s="92">
        <v>1.1073983076026354E-2</v>
      </c>
      <c r="K131" s="134">
        <v>783</v>
      </c>
      <c r="L131" s="135">
        <v>0.31111701483325743</v>
      </c>
      <c r="M131" s="92">
        <v>3.3032651618172766E-2</v>
      </c>
      <c r="N131" s="135">
        <v>0.21338717650767183</v>
      </c>
      <c r="O131" s="92">
        <v>2.9280747330344997E-2</v>
      </c>
      <c r="P131" s="135">
        <v>0.40283560283252073</v>
      </c>
      <c r="Q131" s="92">
        <v>3.4973564511485866E-2</v>
      </c>
      <c r="R131" s="135">
        <v>7.2660205826551735E-2</v>
      </c>
      <c r="S131" s="92">
        <v>1.875845819710301E-2</v>
      </c>
      <c r="T131" s="134">
        <v>782</v>
      </c>
      <c r="U131" s="135">
        <v>0.4654385911920832</v>
      </c>
      <c r="V131" s="92">
        <v>3.5584371712900124E-2</v>
      </c>
      <c r="W131" s="135">
        <v>0.20922217367294252</v>
      </c>
      <c r="X131" s="92">
        <v>2.9091996180031981E-2</v>
      </c>
      <c r="Y131" s="135">
        <v>0.20411025614064651</v>
      </c>
      <c r="Z131" s="92">
        <v>2.8831183087325764E-2</v>
      </c>
      <c r="AA131" s="135">
        <v>0.12122897899432873</v>
      </c>
      <c r="AB131" s="92">
        <v>2.3442748942140944E-2</v>
      </c>
      <c r="AC131" s="134">
        <v>784</v>
      </c>
      <c r="AD131" s="135">
        <v>0.27385649649009691</v>
      </c>
      <c r="AE131" s="92">
        <v>3.1812984200386786E-2</v>
      </c>
      <c r="AF131" s="135">
        <v>0.24355179644983924</v>
      </c>
      <c r="AG131" s="92">
        <v>3.0636256032488502E-2</v>
      </c>
      <c r="AH131" s="135">
        <v>0.40663466393223713</v>
      </c>
      <c r="AI131" s="92">
        <v>3.5003349204562773E-2</v>
      </c>
      <c r="AJ131" s="135">
        <v>7.5957043127828527E-2</v>
      </c>
      <c r="AK131" s="92">
        <v>1.911871068506198E-2</v>
      </c>
    </row>
    <row r="132" spans="1:37">
      <c r="A132" s="40" t="s">
        <v>547</v>
      </c>
      <c r="B132" s="78">
        <v>127</v>
      </c>
      <c r="C132" s="93">
        <v>0.36029250945933378</v>
      </c>
      <c r="D132" s="89">
        <v>8.4103819789068751E-2</v>
      </c>
      <c r="E132" s="93">
        <v>0.23344824671762268</v>
      </c>
      <c r="F132" s="89">
        <v>7.4796995715140951E-2</v>
      </c>
      <c r="G132" s="93">
        <v>0.35078467034737143</v>
      </c>
      <c r="H132" s="89">
        <v>8.3633831910583489E-2</v>
      </c>
      <c r="I132" s="93">
        <v>5.5474573475672632E-2</v>
      </c>
      <c r="J132" s="89">
        <v>4.4303002754064888E-2</v>
      </c>
      <c r="K132" s="78">
        <v>126</v>
      </c>
      <c r="L132" s="93">
        <v>0.36411979043112308</v>
      </c>
      <c r="M132" s="89">
        <v>8.4608655610309058E-2</v>
      </c>
      <c r="N132" s="93">
        <v>0.22140180938993326</v>
      </c>
      <c r="O132" s="89">
        <v>7.3815985862536251E-2</v>
      </c>
      <c r="P132" s="93">
        <v>0.26957084711617335</v>
      </c>
      <c r="Q132" s="89">
        <v>7.8469921697843933E-2</v>
      </c>
      <c r="R132" s="93">
        <v>0.14490755306277089</v>
      </c>
      <c r="S132" s="89">
        <v>6.3621332351311607E-2</v>
      </c>
      <c r="T132" s="78">
        <v>127</v>
      </c>
      <c r="U132" s="93">
        <v>0.54917693753116414</v>
      </c>
      <c r="V132" s="89">
        <v>8.6972323551599534E-2</v>
      </c>
      <c r="W132" s="93">
        <v>0.17614095950287556</v>
      </c>
      <c r="X132" s="89">
        <v>6.7997014796994534E-2</v>
      </c>
      <c r="Y132" s="93">
        <v>0.1422146515206798</v>
      </c>
      <c r="Z132" s="89">
        <v>6.2927977901097165E-2</v>
      </c>
      <c r="AA132" s="93">
        <v>0.13246745144528113</v>
      </c>
      <c r="AB132" s="89">
        <v>6.1294696770239548E-2</v>
      </c>
      <c r="AC132" s="78">
        <v>127</v>
      </c>
      <c r="AD132" s="93">
        <v>0.26021544415803738</v>
      </c>
      <c r="AE132" s="89">
        <v>7.7353358881560988E-2</v>
      </c>
      <c r="AF132" s="93">
        <v>0.29721032511821194</v>
      </c>
      <c r="AG132" s="89">
        <v>8.033315635757636E-2</v>
      </c>
      <c r="AH132" s="93">
        <v>0.33216169357182268</v>
      </c>
      <c r="AI132" s="89">
        <v>8.2614588627243551E-2</v>
      </c>
      <c r="AJ132" s="93">
        <v>0.11041253715192845</v>
      </c>
      <c r="AK132" s="89">
        <v>5.7252356359761079E-2</v>
      </c>
    </row>
    <row r="133" spans="1:37">
      <c r="A133" s="44" t="s">
        <v>548</v>
      </c>
      <c r="B133" s="134">
        <v>97</v>
      </c>
      <c r="C133" s="135">
        <v>0.43131791779378653</v>
      </c>
      <c r="D133" s="92">
        <v>9.8634039992017031E-2</v>
      </c>
      <c r="E133" s="135">
        <v>0.19843641178599308</v>
      </c>
      <c r="F133" s="92">
        <v>8.1111091156446963E-2</v>
      </c>
      <c r="G133" s="135">
        <v>0.34905694379497182</v>
      </c>
      <c r="H133" s="92">
        <v>9.5229813931542923E-2</v>
      </c>
      <c r="I133" s="135">
        <v>2.1188726625248056E-2</v>
      </c>
      <c r="J133" s="92">
        <v>3.9068055583829933E-2</v>
      </c>
      <c r="K133" s="134">
        <v>98</v>
      </c>
      <c r="L133" s="135">
        <v>0.34876391128945189</v>
      </c>
      <c r="M133" s="92">
        <v>9.4741419172031272E-2</v>
      </c>
      <c r="N133" s="135">
        <v>0.27020004773076944</v>
      </c>
      <c r="O133" s="92">
        <v>8.8838380551746421E-2</v>
      </c>
      <c r="P133" s="135">
        <v>0.32351585677862071</v>
      </c>
      <c r="Q133" s="92">
        <v>9.3147221110810627E-2</v>
      </c>
      <c r="R133" s="135">
        <v>5.7520184201157447E-2</v>
      </c>
      <c r="S133" s="92">
        <v>5.2118442584901718E-2</v>
      </c>
      <c r="T133" s="134">
        <v>99</v>
      </c>
      <c r="U133" s="135">
        <v>0.590868007302642</v>
      </c>
      <c r="V133" s="92">
        <v>9.7018039042163759E-2</v>
      </c>
      <c r="W133" s="135">
        <v>0.20184700009328757</v>
      </c>
      <c r="X133" s="92">
        <v>8.0742958684673891E-2</v>
      </c>
      <c r="Y133" s="135">
        <v>0.14637247342610948</v>
      </c>
      <c r="Z133" s="92">
        <v>7.226482690755856E-2</v>
      </c>
      <c r="AA133" s="135">
        <v>6.0912519177960416E-2</v>
      </c>
      <c r="AB133" s="92">
        <v>5.2836440473612481E-2</v>
      </c>
      <c r="AC133" s="134">
        <v>96</v>
      </c>
      <c r="AD133" s="135">
        <v>0.27119080394260209</v>
      </c>
      <c r="AE133" s="92">
        <v>8.9833374158712564E-2</v>
      </c>
      <c r="AF133" s="135">
        <v>0.35704372494443165</v>
      </c>
      <c r="AG133" s="92">
        <v>9.6159393665711787E-2</v>
      </c>
      <c r="AH133" s="135">
        <v>0.28326572729349891</v>
      </c>
      <c r="AI133" s="92">
        <v>9.0930522189128185E-2</v>
      </c>
      <c r="AJ133" s="135">
        <v>8.8499743819466931E-2</v>
      </c>
      <c r="AK133" s="92">
        <v>6.1300311285652893E-2</v>
      </c>
    </row>
    <row r="134" spans="1:37">
      <c r="A134" s="40" t="s">
        <v>538</v>
      </c>
      <c r="B134" s="132">
        <v>126</v>
      </c>
      <c r="C134" s="133">
        <v>0.23537820728859013</v>
      </c>
      <c r="D134" s="89">
        <v>7.5287801268007798E-2</v>
      </c>
      <c r="E134" s="133">
        <v>0.18361931654168398</v>
      </c>
      <c r="F134" s="89">
        <v>6.927499186569952E-2</v>
      </c>
      <c r="G134" s="133">
        <v>0.58100247616972678</v>
      </c>
      <c r="H134" s="89">
        <v>8.6617845986573155E-2</v>
      </c>
      <c r="I134" s="133">
        <v>0</v>
      </c>
      <c r="J134" s="89">
        <v>2.158912047524995E-2</v>
      </c>
      <c r="K134" s="132">
        <v>125</v>
      </c>
      <c r="L134" s="133">
        <v>0.2675967694862913</v>
      </c>
      <c r="M134" s="89">
        <v>7.8609296501822037E-2</v>
      </c>
      <c r="N134" s="133">
        <v>0.33907224196108032</v>
      </c>
      <c r="O134" s="89">
        <v>8.3653663669738892E-2</v>
      </c>
      <c r="P134" s="133">
        <v>0.35615504518797886</v>
      </c>
      <c r="Q134" s="89">
        <v>8.4554816020724968E-2</v>
      </c>
      <c r="R134" s="133">
        <v>3.7175943364650139E-2</v>
      </c>
      <c r="S134" s="89">
        <v>3.8928293152102812E-2</v>
      </c>
      <c r="T134" s="132">
        <v>125</v>
      </c>
      <c r="U134" s="133">
        <v>0.50904665070937016</v>
      </c>
      <c r="V134" s="89">
        <v>8.8031557922776643E-2</v>
      </c>
      <c r="W134" s="133">
        <v>0.24359910632256976</v>
      </c>
      <c r="X134" s="89">
        <v>7.6406168791483889E-2</v>
      </c>
      <c r="Y134" s="133">
        <v>0.22787248663504145</v>
      </c>
      <c r="Z134" s="89">
        <v>7.4805768849709936E-2</v>
      </c>
      <c r="AA134" s="133">
        <v>1.9481756333019271E-2</v>
      </c>
      <c r="AB134" s="89">
        <v>3.2084895174274736E-2</v>
      </c>
      <c r="AC134" s="132">
        <v>124</v>
      </c>
      <c r="AD134" s="133">
        <v>0.33766796596214066</v>
      </c>
      <c r="AE134" s="89">
        <v>8.3902763146032081E-2</v>
      </c>
      <c r="AF134" s="133">
        <v>0.28983591842925427</v>
      </c>
      <c r="AG134" s="89">
        <v>8.0728806024748329E-2</v>
      </c>
      <c r="AH134" s="133">
        <v>0.33529805115525596</v>
      </c>
      <c r="AI134" s="89">
        <v>8.3767199324349353E-2</v>
      </c>
      <c r="AJ134" s="133">
        <v>3.7198064453349867E-2</v>
      </c>
      <c r="AK134" s="89">
        <v>3.9127917131695986E-2</v>
      </c>
    </row>
    <row r="135" spans="1:37">
      <c r="A135" s="44" t="s">
        <v>539</v>
      </c>
      <c r="B135" s="134">
        <v>97</v>
      </c>
      <c r="C135" s="135">
        <v>0.23331832836077271</v>
      </c>
      <c r="D135" s="92">
        <v>8.5458005366523884E-2</v>
      </c>
      <c r="E135" s="135">
        <v>0.13923101134221122</v>
      </c>
      <c r="F135" s="92">
        <v>7.1739584569956175E-2</v>
      </c>
      <c r="G135" s="135">
        <v>0.62745066029701602</v>
      </c>
      <c r="H135" s="92">
        <v>9.6476022529920241E-2</v>
      </c>
      <c r="I135" s="135">
        <v>0</v>
      </c>
      <c r="J135" s="92">
        <v>2.7725572981612018E-2</v>
      </c>
      <c r="K135" s="134">
        <v>96</v>
      </c>
      <c r="L135" s="135">
        <v>0.2762461954371136</v>
      </c>
      <c r="M135" s="92">
        <v>9.0301581586161098E-2</v>
      </c>
      <c r="N135" s="135">
        <v>0.33700589648391666</v>
      </c>
      <c r="O135" s="92">
        <v>9.4977003767653057E-2</v>
      </c>
      <c r="P135" s="135">
        <v>0.34262254321753621</v>
      </c>
      <c r="Q135" s="92">
        <v>9.5325572843115658E-2</v>
      </c>
      <c r="R135" s="135">
        <v>4.4125364861433175E-2</v>
      </c>
      <c r="S135" s="92">
        <v>4.8361777048225155E-2</v>
      </c>
      <c r="T135" s="134">
        <v>96</v>
      </c>
      <c r="U135" s="135">
        <v>0.52129210378883917</v>
      </c>
      <c r="V135" s="92">
        <v>9.991640290664025E-2</v>
      </c>
      <c r="W135" s="135">
        <v>0.25452966373656349</v>
      </c>
      <c r="X135" s="92">
        <v>8.8197133694006571E-2</v>
      </c>
      <c r="Y135" s="135">
        <v>0.22417823247459662</v>
      </c>
      <c r="Z135" s="92">
        <v>8.4826137509266319E-2</v>
      </c>
      <c r="AA135" s="135">
        <v>0</v>
      </c>
      <c r="AB135" s="92">
        <v>2.8000000000000001E-2</v>
      </c>
      <c r="AC135" s="134">
        <v>96</v>
      </c>
      <c r="AD135" s="135">
        <v>0.33701251825028078</v>
      </c>
      <c r="AE135" s="92">
        <v>9.4977422676912587E-2</v>
      </c>
      <c r="AF135" s="135">
        <v>0.29574088481390326</v>
      </c>
      <c r="AG135" s="92">
        <v>9.1988956271174815E-2</v>
      </c>
      <c r="AH135" s="135">
        <v>0.33406874068156706</v>
      </c>
      <c r="AI135" s="92">
        <v>9.4789328241951076E-2</v>
      </c>
      <c r="AJ135" s="135">
        <v>3.3177856254248288E-2</v>
      </c>
      <c r="AK135" s="92">
        <v>4.4345120388924353E-2</v>
      </c>
    </row>
    <row r="136" spans="1:37">
      <c r="A136" s="40" t="s">
        <v>540</v>
      </c>
      <c r="B136" s="78">
        <v>263</v>
      </c>
      <c r="C136" s="93">
        <v>0.22896755298909185</v>
      </c>
      <c r="D136" s="89">
        <v>5.1744971289843907E-2</v>
      </c>
      <c r="E136" s="93">
        <v>0.32388613005239547</v>
      </c>
      <c r="F136" s="89">
        <v>5.7397525010088477E-2</v>
      </c>
      <c r="G136" s="93">
        <v>0.44043489083441778</v>
      </c>
      <c r="H136" s="89">
        <v>6.077619145568474E-2</v>
      </c>
      <c r="I136" s="93">
        <v>6.7114261240939829E-3</v>
      </c>
      <c r="J136" s="89">
        <v>1.4431895768829018E-2</v>
      </c>
      <c r="K136" s="78">
        <v>259</v>
      </c>
      <c r="L136" s="93">
        <v>0.53384104701262136</v>
      </c>
      <c r="M136" s="89">
        <v>6.152551841411328E-2</v>
      </c>
      <c r="N136" s="93">
        <v>0.2472535899198243</v>
      </c>
      <c r="O136" s="89">
        <v>5.3479339825831425E-2</v>
      </c>
      <c r="P136" s="93">
        <v>0.17337646539946916</v>
      </c>
      <c r="Q136" s="89">
        <v>4.7209185362410672E-2</v>
      </c>
      <c r="R136" s="93">
        <v>4.552889766808401E-2</v>
      </c>
      <c r="S136" s="89">
        <v>2.749101384067874E-2</v>
      </c>
      <c r="T136" s="78">
        <v>260</v>
      </c>
      <c r="U136" s="93">
        <v>0.66814416174374258</v>
      </c>
      <c r="V136" s="89">
        <v>5.8072289275715651E-2</v>
      </c>
      <c r="W136" s="93">
        <v>0.1264702277884994</v>
      </c>
      <c r="X136" s="89">
        <v>4.1682692747036718E-2</v>
      </c>
      <c r="Y136" s="93">
        <v>0.16203904085071896</v>
      </c>
      <c r="Z136" s="89">
        <v>4.592769499026704E-2</v>
      </c>
      <c r="AA136" s="93">
        <v>4.3346569617038151E-2</v>
      </c>
      <c r="AB136" s="89">
        <v>2.6894556835006408E-2</v>
      </c>
      <c r="AC136" s="78">
        <v>261</v>
      </c>
      <c r="AD136" s="93">
        <v>0.43930483476343013</v>
      </c>
      <c r="AE136" s="89">
        <v>6.0988891008034375E-2</v>
      </c>
      <c r="AF136" s="93">
        <v>0.26316427737650872</v>
      </c>
      <c r="AG136" s="89">
        <v>5.4335002617924871E-2</v>
      </c>
      <c r="AH136" s="93">
        <v>0.27428601290605226</v>
      </c>
      <c r="AI136" s="89">
        <v>5.5023782862128334E-2</v>
      </c>
      <c r="AJ136" s="93">
        <v>2.3244874954008309E-2</v>
      </c>
      <c r="AK136" s="89">
        <v>2.1106920394557492E-2</v>
      </c>
    </row>
    <row r="137" spans="1:37" ht="25.5">
      <c r="A137" s="44" t="s">
        <v>541</v>
      </c>
      <c r="B137" s="134">
        <v>114</v>
      </c>
      <c r="C137" s="135">
        <v>0.20597877928229116</v>
      </c>
      <c r="D137" s="92">
        <v>7.5759006406345517E-2</v>
      </c>
      <c r="E137" s="135">
        <v>0.22899490461576838</v>
      </c>
      <c r="F137" s="92">
        <v>7.8427572653397795E-2</v>
      </c>
      <c r="G137" s="135">
        <v>0.55096494400661022</v>
      </c>
      <c r="H137" s="92">
        <v>9.1610022107117092E-2</v>
      </c>
      <c r="I137" s="135">
        <v>1.406137209533111E-2</v>
      </c>
      <c r="J137" s="92">
        <v>3.1677158997826679E-2</v>
      </c>
      <c r="K137" s="134">
        <v>113</v>
      </c>
      <c r="L137" s="135">
        <v>0.40235874612912559</v>
      </c>
      <c r="M137" s="92">
        <v>9.0790813753225341E-2</v>
      </c>
      <c r="N137" s="135">
        <v>0.31974532176771758</v>
      </c>
      <c r="O137" s="92">
        <v>8.6665075324168797E-2</v>
      </c>
      <c r="P137" s="135">
        <v>0.23192493021793292</v>
      </c>
      <c r="Q137" s="92">
        <v>7.9090028734271817E-2</v>
      </c>
      <c r="R137" s="135">
        <v>4.5971001885224627E-2</v>
      </c>
      <c r="S137" s="92">
        <v>4.4419110145229833E-2</v>
      </c>
      <c r="T137" s="134">
        <v>113</v>
      </c>
      <c r="U137" s="135">
        <v>0.60782603877994346</v>
      </c>
      <c r="V137" s="92">
        <v>9.0422546043727708E-2</v>
      </c>
      <c r="W137" s="135">
        <v>0.14611505662682917</v>
      </c>
      <c r="X137" s="92">
        <v>6.7477661099134612E-2</v>
      </c>
      <c r="Y137" s="135">
        <v>0.22194991081786239</v>
      </c>
      <c r="Z137" s="92">
        <v>7.7984014277286962E-2</v>
      </c>
      <c r="AA137" s="135">
        <v>2.4108993775365826E-2</v>
      </c>
      <c r="AB137" s="92">
        <v>3.6396828337741209E-2</v>
      </c>
      <c r="AC137" s="134">
        <v>114</v>
      </c>
      <c r="AD137" s="135">
        <v>0.39740209954375788</v>
      </c>
      <c r="AE137" s="92">
        <v>9.0230444053295736E-2</v>
      </c>
      <c r="AF137" s="135">
        <v>0.25820194191473683</v>
      </c>
      <c r="AG137" s="92">
        <v>8.1392610495555726E-2</v>
      </c>
      <c r="AH137" s="135">
        <v>0.32555188098096471</v>
      </c>
      <c r="AI137" s="92">
        <v>8.6670246042112653E-2</v>
      </c>
      <c r="AJ137" s="135">
        <v>1.8844077560541281E-2</v>
      </c>
      <c r="AK137" s="92">
        <v>3.3908457327973568E-2</v>
      </c>
    </row>
    <row r="138" spans="1:37" ht="25.5">
      <c r="A138" s="52" t="s">
        <v>549</v>
      </c>
      <c r="B138" s="132">
        <v>68</v>
      </c>
      <c r="C138" s="133">
        <v>0.32397636479201147</v>
      </c>
      <c r="D138" s="89">
        <v>0.11114623787043036</v>
      </c>
      <c r="E138" s="133">
        <v>0.36519759897265192</v>
      </c>
      <c r="F138" s="89">
        <v>0.11396668704098369</v>
      </c>
      <c r="G138" s="133">
        <v>0.31082603623533717</v>
      </c>
      <c r="H138" s="89">
        <v>0.11007044921401474</v>
      </c>
      <c r="I138" s="133">
        <v>0</v>
      </c>
      <c r="J138" s="89">
        <v>3.8734260487688681E-2</v>
      </c>
      <c r="K138" s="132">
        <v>66</v>
      </c>
      <c r="L138" s="133">
        <v>0.68027282112852694</v>
      </c>
      <c r="M138" s="89">
        <v>0.11240479994503255</v>
      </c>
      <c r="N138" s="133">
        <v>0.17296153162849159</v>
      </c>
      <c r="O138" s="89">
        <v>9.4088084771784444E-2</v>
      </c>
      <c r="P138" s="133">
        <v>0.1400980600474894</v>
      </c>
      <c r="Q138" s="89">
        <v>8.7782523865695017E-2</v>
      </c>
      <c r="R138" s="133">
        <v>6.6675871954925562E-3</v>
      </c>
      <c r="S138" s="89">
        <v>4.3845788114045915E-2</v>
      </c>
      <c r="T138" s="132">
        <v>67</v>
      </c>
      <c r="U138" s="133">
        <v>0.72453685224709963</v>
      </c>
      <c r="V138" s="89">
        <v>0.10749489247741863</v>
      </c>
      <c r="W138" s="133">
        <v>8.9245113055265571E-2</v>
      </c>
      <c r="X138" s="89">
        <v>7.4966872675690049E-2</v>
      </c>
      <c r="Y138" s="133">
        <v>0.1301259118890391</v>
      </c>
      <c r="Z138" s="89">
        <v>8.4976813075203481E-2</v>
      </c>
      <c r="AA138" s="133">
        <v>5.609212280859583E-2</v>
      </c>
      <c r="AB138" s="89">
        <v>6.4795949400195771E-2</v>
      </c>
      <c r="AC138" s="132">
        <v>66</v>
      </c>
      <c r="AD138" s="133">
        <v>0.6223683894846771</v>
      </c>
      <c r="AE138" s="89">
        <v>0.11629725445031684</v>
      </c>
      <c r="AF138" s="133">
        <v>0.18845467934572621</v>
      </c>
      <c r="AG138" s="89">
        <v>9.6722048909493263E-2</v>
      </c>
      <c r="AH138" s="133">
        <v>0.17126570653948614</v>
      </c>
      <c r="AI138" s="89">
        <v>9.3787395406164251E-2</v>
      </c>
      <c r="AJ138" s="133">
        <v>1.7911224630110599E-2</v>
      </c>
      <c r="AK138" s="89">
        <v>4.9795364046775696E-2</v>
      </c>
    </row>
    <row r="139" spans="1:37">
      <c r="A139" s="44" t="s">
        <v>543</v>
      </c>
      <c r="B139" s="134">
        <v>81</v>
      </c>
      <c r="C139" s="135">
        <v>0.19795111312813055</v>
      </c>
      <c r="D139" s="92">
        <v>8.8690105680738651E-2</v>
      </c>
      <c r="E139" s="135">
        <v>0.42594100228234077</v>
      </c>
      <c r="F139" s="92">
        <v>0.10737933399532319</v>
      </c>
      <c r="G139" s="135">
        <v>0.37499848819519971</v>
      </c>
      <c r="H139" s="92">
        <v>0.10534216360274547</v>
      </c>
      <c r="I139" s="135">
        <v>1.109396394328535E-3</v>
      </c>
      <c r="J139" s="92">
        <v>3.3594187387901084E-2</v>
      </c>
      <c r="K139" s="134">
        <v>80</v>
      </c>
      <c r="L139" s="135">
        <v>0.61782475549130234</v>
      </c>
      <c r="M139" s="92">
        <v>0.10632564676126637</v>
      </c>
      <c r="N139" s="135">
        <v>0.19679308353494762</v>
      </c>
      <c r="O139" s="92">
        <v>8.9072671802371273E-2</v>
      </c>
      <c r="P139" s="135">
        <v>0.11537760457625619</v>
      </c>
      <c r="Q139" s="92">
        <v>7.4264376532698087E-2</v>
      </c>
      <c r="R139" s="135">
        <v>7.0004556397493575E-2</v>
      </c>
      <c r="S139" s="92">
        <v>6.2599940518365274E-2</v>
      </c>
      <c r="T139" s="134">
        <v>80</v>
      </c>
      <c r="U139" s="135">
        <v>0.7137087943323287</v>
      </c>
      <c r="V139" s="92">
        <v>9.9660053046345537E-2</v>
      </c>
      <c r="W139" s="135">
        <v>0.12409963591321654</v>
      </c>
      <c r="X139" s="92">
        <v>7.6168907457098381E-2</v>
      </c>
      <c r="Y139" s="135">
        <v>0.10084815436024787</v>
      </c>
      <c r="Z139" s="92">
        <v>7.0875501767378321E-2</v>
      </c>
      <c r="AA139" s="135">
        <v>6.134341539420661E-2</v>
      </c>
      <c r="AB139" s="92">
        <v>5.994829171726037E-2</v>
      </c>
      <c r="AC139" s="134">
        <v>81</v>
      </c>
      <c r="AD139" s="135">
        <v>0.38281976778887689</v>
      </c>
      <c r="AE139" s="92">
        <v>0.10572566806094874</v>
      </c>
      <c r="AF139" s="135">
        <v>0.31624390277998243</v>
      </c>
      <c r="AG139" s="92">
        <v>0.10159595294374731</v>
      </c>
      <c r="AH139" s="135">
        <v>0.26839473765225902</v>
      </c>
      <c r="AI139" s="92">
        <v>9.7326322459822312E-2</v>
      </c>
      <c r="AJ139" s="135">
        <v>3.2541591778881399E-2</v>
      </c>
      <c r="AK139" s="92">
        <v>4.9260442445179554E-2</v>
      </c>
    </row>
    <row r="140" spans="1:37">
      <c r="A140" s="52" t="s">
        <v>544</v>
      </c>
      <c r="B140" s="132">
        <v>113</v>
      </c>
      <c r="C140" s="133">
        <v>0.38478677412306111</v>
      </c>
      <c r="D140" s="89">
        <v>9.0131533029112254E-2</v>
      </c>
      <c r="E140" s="133">
        <v>0.20984390669464273</v>
      </c>
      <c r="F140" s="89">
        <v>7.6564627112143097E-2</v>
      </c>
      <c r="G140" s="133">
        <v>0.40536931918229613</v>
      </c>
      <c r="H140" s="89">
        <v>9.0892417451070295E-2</v>
      </c>
      <c r="I140" s="133">
        <v>0</v>
      </c>
      <c r="J140" s="89">
        <v>2.3967079753657358E-2</v>
      </c>
      <c r="K140" s="132">
        <v>113</v>
      </c>
      <c r="L140" s="133">
        <v>0.44394601491317487</v>
      </c>
      <c r="M140" s="89">
        <v>9.1906514976897447E-2</v>
      </c>
      <c r="N140" s="133">
        <v>0.26444022422261648</v>
      </c>
      <c r="O140" s="89">
        <v>8.2325353118591085E-2</v>
      </c>
      <c r="P140" s="133">
        <v>0.24578385436112671</v>
      </c>
      <c r="Q140" s="89">
        <v>8.0536125918037854E-2</v>
      </c>
      <c r="R140" s="133">
        <v>4.5829906503081837E-2</v>
      </c>
      <c r="S140" s="89">
        <v>4.4373086781731498E-2</v>
      </c>
      <c r="T140" s="132">
        <v>112</v>
      </c>
      <c r="U140" s="133">
        <v>0.73822654447358971</v>
      </c>
      <c r="V140" s="89">
        <v>8.2440062925554822E-2</v>
      </c>
      <c r="W140" s="133">
        <v>0.16229343971302893</v>
      </c>
      <c r="X140" s="89">
        <v>7.038904058244673E-2</v>
      </c>
      <c r="Y140" s="133">
        <v>9.9480015813381173E-2</v>
      </c>
      <c r="Z140" s="89">
        <v>5.8855810892090792E-2</v>
      </c>
      <c r="AA140" s="133">
        <v>0</v>
      </c>
      <c r="AB140" s="89">
        <v>2.4171880321350918E-2</v>
      </c>
      <c r="AC140" s="132">
        <v>112</v>
      </c>
      <c r="AD140" s="133">
        <v>0.39827084230194609</v>
      </c>
      <c r="AE140" s="89">
        <v>9.1038564190667845E-2</v>
      </c>
      <c r="AF140" s="133">
        <v>0.28845343402000678</v>
      </c>
      <c r="AG140" s="89">
        <v>8.4747328101585209E-2</v>
      </c>
      <c r="AH140" s="133">
        <v>0.28444638338047129</v>
      </c>
      <c r="AI140" s="89">
        <v>8.4422124975449042E-2</v>
      </c>
      <c r="AJ140" s="133">
        <v>2.8829340297575806E-2</v>
      </c>
      <c r="AK140" s="89">
        <v>3.85266160388461E-2</v>
      </c>
    </row>
    <row r="141" spans="1:37">
      <c r="A141" s="44" t="s">
        <v>545</v>
      </c>
      <c r="B141" s="134">
        <v>123</v>
      </c>
      <c r="C141" s="135">
        <v>0.38564869310837829</v>
      </c>
      <c r="D141" s="92">
        <v>8.6531502790070408E-2</v>
      </c>
      <c r="E141" s="135">
        <v>0.25109909174072009</v>
      </c>
      <c r="F141" s="92">
        <v>7.7741616982697145E-2</v>
      </c>
      <c r="G141" s="135">
        <v>0.34404691800911985</v>
      </c>
      <c r="H141" s="92">
        <v>8.4590084076260147E-2</v>
      </c>
      <c r="I141" s="135">
        <v>1.9205297141782096E-2</v>
      </c>
      <c r="J141" s="92">
        <v>3.2321525573158802E-2</v>
      </c>
      <c r="K141" s="134">
        <v>123</v>
      </c>
      <c r="L141" s="135">
        <v>0.46670570773480469</v>
      </c>
      <c r="M141" s="92">
        <v>8.8550927177823355E-2</v>
      </c>
      <c r="N141" s="135">
        <v>0.21578527548508233</v>
      </c>
      <c r="O141" s="92">
        <v>7.407811093119758E-2</v>
      </c>
      <c r="P141" s="135">
        <v>0.23712526907273251</v>
      </c>
      <c r="Q141" s="92">
        <v>7.6370682858079353E-2</v>
      </c>
      <c r="R141" s="135">
        <v>8.0383747707380812E-2</v>
      </c>
      <c r="S141" s="92">
        <v>5.1692319963003053E-2</v>
      </c>
      <c r="T141" s="134">
        <v>123</v>
      </c>
      <c r="U141" s="135">
        <v>0.80035357239226568</v>
      </c>
      <c r="V141" s="92">
        <v>7.2172344776890995E-2</v>
      </c>
      <c r="W141" s="135">
        <v>7.0495234623957154E-2</v>
      </c>
      <c r="X141" s="92">
        <v>4.9234482727524703E-2</v>
      </c>
      <c r="Y141" s="135">
        <v>9.5200603754479959E-2</v>
      </c>
      <c r="Z141" s="92">
        <v>5.5072449717444731E-2</v>
      </c>
      <c r="AA141" s="135">
        <v>3.3950589229297452E-2</v>
      </c>
      <c r="AB141" s="92">
        <v>3.8172629414706352E-2</v>
      </c>
      <c r="AC141" s="134">
        <v>123</v>
      </c>
      <c r="AD141" s="135">
        <v>0.41025692219811061</v>
      </c>
      <c r="AE141" s="92">
        <v>8.7384662851160297E-2</v>
      </c>
      <c r="AF141" s="135">
        <v>0.21122071142053603</v>
      </c>
      <c r="AG141" s="92">
        <v>7.3554720844790519E-2</v>
      </c>
      <c r="AH141" s="135">
        <v>0.33421003357289503</v>
      </c>
      <c r="AI141" s="92">
        <v>8.4035583360207361E-2</v>
      </c>
      <c r="AJ141" s="135">
        <v>4.4312332808458664E-2</v>
      </c>
      <c r="AK141" s="92">
        <v>4.1705058595428002E-2</v>
      </c>
    </row>
    <row r="147" spans="18:31">
      <c r="R147" s="236"/>
      <c r="S147" s="236"/>
      <c r="T147" s="236"/>
      <c r="U147" s="236"/>
      <c r="V147" s="236"/>
      <c r="W147" s="236"/>
      <c r="X147" s="236"/>
      <c r="Y147" s="236"/>
      <c r="Z147" s="236"/>
      <c r="AA147" s="236"/>
      <c r="AB147" s="236"/>
      <c r="AC147" s="236"/>
      <c r="AD147" s="236"/>
      <c r="AE147" s="236"/>
    </row>
  </sheetData>
  <mergeCells count="23">
    <mergeCell ref="A61:P61"/>
    <mergeCell ref="A62:P62"/>
    <mergeCell ref="A3:D3"/>
    <mergeCell ref="A4:D4"/>
    <mergeCell ref="A5:D5"/>
    <mergeCell ref="A32:Q32"/>
    <mergeCell ref="A33:Q3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0"/>
  <sheetViews>
    <sheetView zoomScaleNormal="100" workbookViewId="0"/>
  </sheetViews>
  <sheetFormatPr defaultColWidth="16.5703125" defaultRowHeight="15"/>
  <cols>
    <col min="1" max="1" width="46.85546875" customWidth="1"/>
  </cols>
  <sheetData>
    <row r="1" spans="1:15" ht="31.5">
      <c r="A1" s="30" t="s">
        <v>40</v>
      </c>
    </row>
    <row r="3" spans="1:15" ht="18.75">
      <c r="A3" s="335" t="s">
        <v>3</v>
      </c>
      <c r="B3" s="335"/>
      <c r="C3" s="335"/>
      <c r="D3" s="335"/>
      <c r="E3" s="335"/>
      <c r="F3" s="335"/>
      <c r="G3" s="335"/>
      <c r="H3" s="335"/>
      <c r="I3" s="335"/>
      <c r="J3" s="335"/>
      <c r="K3" s="335"/>
      <c r="L3" s="335"/>
      <c r="M3" s="335"/>
      <c r="N3" s="335"/>
      <c r="O3" s="335"/>
    </row>
    <row r="4" spans="1:15" ht="42" customHeight="1">
      <c r="A4" s="354" t="s">
        <v>360</v>
      </c>
      <c r="B4" s="354"/>
      <c r="C4" s="354"/>
      <c r="D4" s="354"/>
      <c r="E4" s="354"/>
      <c r="F4" s="354"/>
      <c r="G4" s="354"/>
      <c r="H4" s="354"/>
      <c r="I4" s="354"/>
      <c r="J4" s="354"/>
      <c r="K4" s="354"/>
      <c r="L4" s="354"/>
      <c r="M4" s="354"/>
      <c r="N4" s="354"/>
      <c r="O4" s="354"/>
    </row>
    <row r="5" spans="1:15" ht="15.75">
      <c r="A5" s="402" t="s">
        <v>116</v>
      </c>
      <c r="B5" s="402"/>
      <c r="C5" s="402"/>
      <c r="D5" s="402"/>
      <c r="E5" s="395" t="s">
        <v>31</v>
      </c>
      <c r="F5" s="395"/>
      <c r="G5" s="395"/>
      <c r="H5" s="395"/>
      <c r="I5" s="395"/>
      <c r="J5" s="395"/>
      <c r="K5" s="395"/>
      <c r="L5" s="395"/>
      <c r="M5" s="395"/>
      <c r="N5" s="395"/>
      <c r="O5" s="395"/>
    </row>
    <row r="6" spans="1:15" ht="72">
      <c r="A6" s="32" t="s">
        <v>71</v>
      </c>
      <c r="B6" s="33" t="s">
        <v>72</v>
      </c>
      <c r="C6" s="34" t="s">
        <v>583</v>
      </c>
      <c r="D6" s="35" t="s">
        <v>73</v>
      </c>
      <c r="E6" s="60" t="s">
        <v>72</v>
      </c>
      <c r="F6" s="60" t="s">
        <v>307</v>
      </c>
      <c r="G6" s="83" t="s">
        <v>143</v>
      </c>
      <c r="H6" s="60" t="s">
        <v>308</v>
      </c>
      <c r="I6" s="83" t="s">
        <v>198</v>
      </c>
      <c r="J6" s="60" t="s">
        <v>309</v>
      </c>
      <c r="K6" s="83" t="s">
        <v>200</v>
      </c>
      <c r="L6" s="60" t="s">
        <v>310</v>
      </c>
      <c r="M6" s="83" t="s">
        <v>201</v>
      </c>
      <c r="N6" s="60" t="s">
        <v>311</v>
      </c>
      <c r="O6" s="83" t="s">
        <v>204</v>
      </c>
    </row>
    <row r="7" spans="1:15" ht="84">
      <c r="A7" s="36"/>
      <c r="B7" s="37" t="s">
        <v>74</v>
      </c>
      <c r="C7" s="38" t="s">
        <v>118</v>
      </c>
      <c r="D7" s="39" t="s">
        <v>76</v>
      </c>
      <c r="E7" s="63" t="s">
        <v>74</v>
      </c>
      <c r="F7" s="63" t="s">
        <v>199</v>
      </c>
      <c r="G7" s="85" t="s">
        <v>88</v>
      </c>
      <c r="H7" s="63" t="s">
        <v>197</v>
      </c>
      <c r="I7" s="85" t="s">
        <v>88</v>
      </c>
      <c r="J7" s="63" t="s">
        <v>179</v>
      </c>
      <c r="K7" s="85" t="s">
        <v>88</v>
      </c>
      <c r="L7" s="63" t="s">
        <v>202</v>
      </c>
      <c r="M7" s="85" t="s">
        <v>88</v>
      </c>
      <c r="N7" s="63" t="s">
        <v>203</v>
      </c>
      <c r="O7" s="85" t="s">
        <v>88</v>
      </c>
    </row>
    <row r="8" spans="1:15">
      <c r="A8" s="40" t="s">
        <v>350</v>
      </c>
      <c r="B8" s="136">
        <v>13292</v>
      </c>
      <c r="C8" s="137">
        <v>3.2157016365461688</v>
      </c>
      <c r="D8" s="123">
        <v>1.7780956282388603E-2</v>
      </c>
      <c r="E8" s="115">
        <v>13292</v>
      </c>
      <c r="F8" s="138">
        <v>6.2783561717994235E-2</v>
      </c>
      <c r="G8" s="89">
        <v>4.2114959915721759E-3</v>
      </c>
      <c r="H8" s="139">
        <v>0.17780663032393992</v>
      </c>
      <c r="I8" s="89">
        <v>6.6332015775098967E-3</v>
      </c>
      <c r="J8" s="139">
        <v>0.3416360823384445</v>
      </c>
      <c r="K8" s="89">
        <v>8.2261937645276111E-3</v>
      </c>
      <c r="L8" s="139">
        <v>0.31647206093319324</v>
      </c>
      <c r="M8" s="89">
        <v>8.0674383547051955E-3</v>
      </c>
      <c r="N8" s="139">
        <v>0.10130166468644919</v>
      </c>
      <c r="O8" s="89">
        <v>5.2361578177108868E-3</v>
      </c>
    </row>
    <row r="9" spans="1:15">
      <c r="A9" s="44" t="s">
        <v>351</v>
      </c>
      <c r="B9" s="140">
        <v>9796</v>
      </c>
      <c r="C9" s="141">
        <v>3.1677388723754865</v>
      </c>
      <c r="D9" s="125">
        <v>2.0622751460591306E-2</v>
      </c>
      <c r="E9" s="118">
        <v>9796</v>
      </c>
      <c r="F9" s="142">
        <v>6.6599940263533552E-2</v>
      </c>
      <c r="G9" s="92">
        <v>5.0433909924152802E-3</v>
      </c>
      <c r="H9" s="143">
        <v>0.19702726166794071</v>
      </c>
      <c r="I9" s="92">
        <v>8.0377283107085015E-3</v>
      </c>
      <c r="J9" s="143">
        <v>0.33133051246887235</v>
      </c>
      <c r="K9" s="92">
        <v>9.5099051097896903E-3</v>
      </c>
      <c r="L9" s="143">
        <v>0.31211855662881605</v>
      </c>
      <c r="M9" s="92">
        <v>9.3618717216014669E-3</v>
      </c>
      <c r="N9" s="143">
        <v>9.2923728970839517E-2</v>
      </c>
      <c r="O9" s="92">
        <v>5.8701651861999176E-3</v>
      </c>
    </row>
    <row r="10" spans="1:15">
      <c r="A10" s="40" t="s">
        <v>352</v>
      </c>
      <c r="B10" s="49">
        <v>3496</v>
      </c>
      <c r="C10" s="50">
        <v>3.2554944223628399</v>
      </c>
      <c r="D10" s="51">
        <v>3.5091350706499054E-2</v>
      </c>
      <c r="E10" s="78">
        <v>3496</v>
      </c>
      <c r="F10" s="93">
        <v>5.9617265181835959E-2</v>
      </c>
      <c r="G10" s="89">
        <v>8.036067128565123E-3</v>
      </c>
      <c r="H10" s="93">
        <v>0.16186004176594918</v>
      </c>
      <c r="I10" s="89">
        <v>1.246354981528444E-2</v>
      </c>
      <c r="J10" s="93">
        <v>0.35018620119896093</v>
      </c>
      <c r="K10" s="89">
        <v>1.6128310418774845E-2</v>
      </c>
      <c r="L10" s="93">
        <v>0.32008398921403775</v>
      </c>
      <c r="M10" s="89">
        <v>1.5773546564941746E-2</v>
      </c>
      <c r="N10" s="93">
        <v>0.10825250263921539</v>
      </c>
      <c r="O10" s="89">
        <v>1.0522600304761372E-2</v>
      </c>
    </row>
    <row r="11" spans="1:15">
      <c r="A11" s="44" t="s">
        <v>534</v>
      </c>
      <c r="B11" s="140">
        <v>1645</v>
      </c>
      <c r="C11" s="141">
        <v>3.1327777093235114</v>
      </c>
      <c r="D11" s="125">
        <v>5.0977665392776331E-2</v>
      </c>
      <c r="E11" s="118">
        <v>1645</v>
      </c>
      <c r="F11" s="142">
        <v>6.6270479413342936E-2</v>
      </c>
      <c r="G11" s="92">
        <v>1.2341438471232823E-2</v>
      </c>
      <c r="H11" s="143">
        <v>0.21692432452743293</v>
      </c>
      <c r="I11" s="92">
        <v>2.0322233971853221E-2</v>
      </c>
      <c r="J11" s="143">
        <v>0.32414839438615095</v>
      </c>
      <c r="K11" s="92">
        <v>2.3060342457500688E-2</v>
      </c>
      <c r="L11" s="143">
        <v>0.30307061066851487</v>
      </c>
      <c r="M11" s="92">
        <v>2.2645351890613365E-2</v>
      </c>
      <c r="N11" s="143">
        <v>8.9586191004559251E-2</v>
      </c>
      <c r="O11" s="92">
        <v>1.4135846666815947E-2</v>
      </c>
    </row>
    <row r="12" spans="1:15">
      <c r="A12" s="40" t="s">
        <v>535</v>
      </c>
      <c r="B12" s="49">
        <v>909</v>
      </c>
      <c r="C12" s="50">
        <v>3.123910939368999</v>
      </c>
      <c r="D12" s="51">
        <v>6.8479784840703189E-2</v>
      </c>
      <c r="E12" s="78">
        <v>909</v>
      </c>
      <c r="F12" s="93">
        <v>7.6610607616737492E-2</v>
      </c>
      <c r="G12" s="89">
        <v>1.7798765972027435E-2</v>
      </c>
      <c r="H12" s="93">
        <v>0.21075470310688513</v>
      </c>
      <c r="I12" s="89">
        <v>2.7054659136635278E-2</v>
      </c>
      <c r="J12" s="93">
        <v>0.30862750018952512</v>
      </c>
      <c r="K12" s="89">
        <v>3.0598038412913073E-2</v>
      </c>
      <c r="L12" s="93">
        <v>0.32012752046434367</v>
      </c>
      <c r="M12" s="89">
        <v>3.0899531021021703E-2</v>
      </c>
      <c r="N12" s="93">
        <v>8.3879668622508244E-2</v>
      </c>
      <c r="O12" s="89">
        <v>1.8528305917354385E-2</v>
      </c>
    </row>
    <row r="13" spans="1:15">
      <c r="A13" s="44" t="s">
        <v>536</v>
      </c>
      <c r="B13" s="140">
        <v>189</v>
      </c>
      <c r="C13" s="141">
        <v>3.0983690374944564</v>
      </c>
      <c r="D13" s="125">
        <v>0.15445208825829029</v>
      </c>
      <c r="E13" s="118">
        <v>189</v>
      </c>
      <c r="F13" s="142">
        <v>7.9288099875776494E-2</v>
      </c>
      <c r="G13" s="92">
        <v>4.0785600008687084E-2</v>
      </c>
      <c r="H13" s="143">
        <v>0.22514956101476422</v>
      </c>
      <c r="I13" s="92">
        <v>6.0662336257735761E-2</v>
      </c>
      <c r="J13" s="143">
        <v>0.30277263550473288</v>
      </c>
      <c r="K13" s="92">
        <v>6.6394493293495255E-2</v>
      </c>
      <c r="L13" s="143">
        <v>0.30348460894867962</v>
      </c>
      <c r="M13" s="92">
        <v>6.6436439126434974E-2</v>
      </c>
      <c r="N13" s="143">
        <v>8.930509465604651E-2</v>
      </c>
      <c r="O13" s="92">
        <v>4.2766690596038354E-2</v>
      </c>
    </row>
    <row r="14" spans="1:15">
      <c r="A14" s="40" t="s">
        <v>537</v>
      </c>
      <c r="B14" s="49">
        <v>67</v>
      </c>
      <c r="C14" s="50">
        <v>3.1947456960569967</v>
      </c>
      <c r="D14" s="51">
        <v>0.2498402143670766</v>
      </c>
      <c r="E14" s="78">
        <v>67</v>
      </c>
      <c r="F14" s="93">
        <v>7.481549046148693E-2</v>
      </c>
      <c r="G14" s="89">
        <v>7.0815818975889552E-2</v>
      </c>
      <c r="H14" s="93">
        <v>0.12433993517274526</v>
      </c>
      <c r="I14" s="89">
        <v>8.3693775381708455E-2</v>
      </c>
      <c r="J14" s="93">
        <v>0.44897947381593395</v>
      </c>
      <c r="K14" s="89">
        <v>0.11812668065915752</v>
      </c>
      <c r="L14" s="93">
        <v>0.2350135889469534</v>
      </c>
      <c r="M14" s="89">
        <v>0.10277041200244943</v>
      </c>
      <c r="N14" s="93">
        <v>0.11685151160288075</v>
      </c>
      <c r="O14" s="89">
        <v>8.1973009743263728E-2</v>
      </c>
    </row>
    <row r="15" spans="1:15">
      <c r="A15" s="44" t="s">
        <v>546</v>
      </c>
      <c r="B15" s="140">
        <v>744</v>
      </c>
      <c r="C15" s="141">
        <v>3.1356815288100122</v>
      </c>
      <c r="D15" s="125">
        <v>7.6288284057938333E-2</v>
      </c>
      <c r="E15" s="118">
        <v>744</v>
      </c>
      <c r="F15" s="142">
        <v>6.2073654596481835E-2</v>
      </c>
      <c r="G15" s="92">
        <v>1.7952127248879388E-2</v>
      </c>
      <c r="H15" s="143">
        <v>0.2205842920023694</v>
      </c>
      <c r="I15" s="92">
        <v>3.0394873293069051E-2</v>
      </c>
      <c r="J15" s="143">
        <v>0.3298377786031832</v>
      </c>
      <c r="K15" s="92">
        <v>3.4405079176043504E-2</v>
      </c>
      <c r="L15" s="143">
        <v>0.29459541959059016</v>
      </c>
      <c r="M15" s="92">
        <v>3.3371911153670303E-2</v>
      </c>
      <c r="N15" s="143">
        <v>9.2908855207378099E-2</v>
      </c>
      <c r="O15" s="92">
        <v>2.1450664864961232E-2</v>
      </c>
    </row>
    <row r="16" spans="1:15">
      <c r="A16" s="40" t="s">
        <v>547</v>
      </c>
      <c r="B16" s="49">
        <v>120</v>
      </c>
      <c r="C16" s="50">
        <v>2.9542110670523534</v>
      </c>
      <c r="D16" s="51">
        <v>0.19951424671066195</v>
      </c>
      <c r="E16" s="78">
        <v>120</v>
      </c>
      <c r="F16" s="93">
        <v>0.11481339185670839</v>
      </c>
      <c r="G16" s="89">
        <v>5.9851715328345274E-2</v>
      </c>
      <c r="H16" s="93">
        <v>0.2294112821851976</v>
      </c>
      <c r="I16" s="89">
        <v>7.6502016519237936E-2</v>
      </c>
      <c r="J16" s="93">
        <v>0.33668092687015716</v>
      </c>
      <c r="K16" s="89">
        <v>8.519805601169865E-2</v>
      </c>
      <c r="L16" s="93">
        <v>0.22493966522490669</v>
      </c>
      <c r="M16" s="89">
        <v>7.601872796298384E-2</v>
      </c>
      <c r="N16" s="93">
        <v>9.4154733863030499E-2</v>
      </c>
      <c r="O16" s="89">
        <v>5.5574623272960602E-2</v>
      </c>
    </row>
    <row r="17" spans="1:15">
      <c r="A17" s="44" t="s">
        <v>548</v>
      </c>
      <c r="B17" s="140">
        <v>96</v>
      </c>
      <c r="C17" s="141">
        <v>3.2433522467731377</v>
      </c>
      <c r="D17" s="125">
        <v>0.19014575818756815</v>
      </c>
      <c r="E17" s="118">
        <v>96</v>
      </c>
      <c r="F17" s="142">
        <v>3.6906229335583317E-2</v>
      </c>
      <c r="G17" s="92">
        <v>4.5763521482238466E-2</v>
      </c>
      <c r="H17" s="143">
        <v>0.17583766360708369</v>
      </c>
      <c r="I17" s="92">
        <v>7.8270594053860554E-2</v>
      </c>
      <c r="J17" s="143">
        <v>0.37325850126616172</v>
      </c>
      <c r="K17" s="92">
        <v>9.6994012938284468E-2</v>
      </c>
      <c r="L17" s="143">
        <v>0.33499284253095335</v>
      </c>
      <c r="M17" s="92">
        <v>9.4848777148899666E-2</v>
      </c>
      <c r="N17" s="143">
        <v>7.9004763260217506E-2</v>
      </c>
      <c r="O17" s="92">
        <v>5.8875594471070679E-2</v>
      </c>
    </row>
    <row r="18" spans="1:15">
      <c r="A18" s="40" t="s">
        <v>538</v>
      </c>
      <c r="B18" s="136">
        <v>125</v>
      </c>
      <c r="C18" s="137">
        <v>3.2009998932338974</v>
      </c>
      <c r="D18" s="123">
        <v>0.1851324165685635</v>
      </c>
      <c r="E18" s="115">
        <v>125</v>
      </c>
      <c r="F18" s="138">
        <v>7.5145830173919251E-2</v>
      </c>
      <c r="G18" s="89">
        <v>4.9967198737988439E-2</v>
      </c>
      <c r="H18" s="139">
        <v>0.18046652106443289</v>
      </c>
      <c r="I18" s="89">
        <v>6.9132402344782823E-2</v>
      </c>
      <c r="J18" s="139">
        <v>0.31616826222126176</v>
      </c>
      <c r="K18" s="89">
        <v>8.2268073517235099E-2</v>
      </c>
      <c r="L18" s="139">
        <v>0.32468069843460368</v>
      </c>
      <c r="M18" s="89">
        <v>8.2807285622895313E-2</v>
      </c>
      <c r="N18" s="139">
        <v>0.10353868810578276</v>
      </c>
      <c r="O18" s="89">
        <v>5.6352983730253603E-2</v>
      </c>
    </row>
    <row r="19" spans="1:15">
      <c r="A19" s="44" t="s">
        <v>539</v>
      </c>
      <c r="B19" s="140">
        <v>95</v>
      </c>
      <c r="C19" s="141">
        <v>3.1692784950911483</v>
      </c>
      <c r="D19" s="125">
        <v>0.20925785839385233</v>
      </c>
      <c r="E19" s="118">
        <v>95</v>
      </c>
      <c r="F19" s="142">
        <v>7.4229746292366616E-2</v>
      </c>
      <c r="G19" s="92">
        <v>5.7935061960486249E-2</v>
      </c>
      <c r="H19" s="143">
        <v>0.18429771156833485</v>
      </c>
      <c r="I19" s="92">
        <v>7.9955374690437633E-2</v>
      </c>
      <c r="J19" s="143">
        <v>0.33870564801462821</v>
      </c>
      <c r="K19" s="92">
        <v>9.5567196482462327E-2</v>
      </c>
      <c r="L19" s="143">
        <v>0.30349808900512271</v>
      </c>
      <c r="M19" s="92">
        <v>9.3082825349036363E-2</v>
      </c>
      <c r="N19" s="143">
        <v>9.9268805119546902E-2</v>
      </c>
      <c r="O19" s="92">
        <v>6.4237237416326157E-2</v>
      </c>
    </row>
    <row r="20" spans="1:15">
      <c r="A20" s="40" t="s">
        <v>540</v>
      </c>
      <c r="B20" s="49">
        <v>260</v>
      </c>
      <c r="C20" s="50">
        <v>3.136152464513621</v>
      </c>
      <c r="D20" s="51">
        <v>0.12175243671152661</v>
      </c>
      <c r="E20" s="78">
        <v>260</v>
      </c>
      <c r="F20" s="93">
        <v>6.3349638535342367E-2</v>
      </c>
      <c r="G20" s="89">
        <v>3.1399279687255706E-2</v>
      </c>
      <c r="H20" s="93">
        <v>0.19527295321523019</v>
      </c>
      <c r="I20" s="89">
        <v>4.9226441175869544E-2</v>
      </c>
      <c r="J20" s="93">
        <v>0.3455810974837672</v>
      </c>
      <c r="K20" s="89">
        <v>5.8629797753234673E-2</v>
      </c>
      <c r="L20" s="93">
        <v>0.33346792673178427</v>
      </c>
      <c r="M20" s="89">
        <v>5.8140516023473761E-2</v>
      </c>
      <c r="N20" s="93">
        <v>6.2328384033875694E-2</v>
      </c>
      <c r="O20" s="89">
        <v>3.118962579539912E-2</v>
      </c>
    </row>
    <row r="21" spans="1:15" ht="25.5">
      <c r="A21" s="44" t="s">
        <v>541</v>
      </c>
      <c r="B21" s="140">
        <v>112</v>
      </c>
      <c r="C21" s="141">
        <v>3.1820385971944156</v>
      </c>
      <c r="D21" s="125">
        <v>0.19970346823534446</v>
      </c>
      <c r="E21" s="118">
        <v>112</v>
      </c>
      <c r="F21" s="142">
        <v>9.2398022378502434E-2</v>
      </c>
      <c r="G21" s="92">
        <v>5.727157499979102E-2</v>
      </c>
      <c r="H21" s="143">
        <v>0.14164382005688927</v>
      </c>
      <c r="I21" s="92">
        <v>6.702666565565267E-2</v>
      </c>
      <c r="J21" s="143">
        <v>0.32324845912671535</v>
      </c>
      <c r="K21" s="92">
        <v>8.7272127782970596E-2</v>
      </c>
      <c r="L21" s="143">
        <v>0.37694093486747687</v>
      </c>
      <c r="M21" s="92">
        <v>9.018808728018643E-2</v>
      </c>
      <c r="N21" s="143">
        <v>6.5768763570416958E-2</v>
      </c>
      <c r="O21" s="92">
        <v>5.059062977945724E-2</v>
      </c>
    </row>
    <row r="22" spans="1:15" ht="25.5">
      <c r="A22" s="52" t="s">
        <v>549</v>
      </c>
      <c r="B22" s="136">
        <v>68</v>
      </c>
      <c r="C22" s="137">
        <v>3.120788914956794</v>
      </c>
      <c r="D22" s="123">
        <v>0.21442707431874972</v>
      </c>
      <c r="E22" s="115">
        <v>68</v>
      </c>
      <c r="F22" s="138">
        <v>3.556464105175592E-2</v>
      </c>
      <c r="G22" s="89">
        <v>5.6568908409132403E-2</v>
      </c>
      <c r="H22" s="139">
        <v>0.22605926783813937</v>
      </c>
      <c r="I22" s="89">
        <v>0.10084725216903177</v>
      </c>
      <c r="J22" s="139">
        <v>0.34902387817163721</v>
      </c>
      <c r="K22" s="89">
        <v>0.11295734266094859</v>
      </c>
      <c r="L22" s="139">
        <v>0.36072696097848966</v>
      </c>
      <c r="M22" s="89">
        <v>0.11369998859437321</v>
      </c>
      <c r="N22" s="139">
        <v>2.8625251959978303E-2</v>
      </c>
      <c r="O22" s="89">
        <v>5.3649221657028068E-2</v>
      </c>
    </row>
    <row r="23" spans="1:15">
      <c r="A23" s="44" t="s">
        <v>543</v>
      </c>
      <c r="B23" s="140">
        <v>80</v>
      </c>
      <c r="C23" s="141">
        <v>3.0844789924746436</v>
      </c>
      <c r="D23" s="125">
        <v>0.21491593145910959</v>
      </c>
      <c r="E23" s="118">
        <v>80</v>
      </c>
      <c r="F23" s="142">
        <v>4.2598254786003667E-2</v>
      </c>
      <c r="G23" s="92">
        <v>5.3556644359659726E-2</v>
      </c>
      <c r="H23" s="143">
        <v>0.24716838631513935</v>
      </c>
      <c r="I23" s="92">
        <v>9.5623071150025329E-2</v>
      </c>
      <c r="J23" s="143">
        <v>0.37340258139189131</v>
      </c>
      <c r="K23" s="92">
        <v>0.10588923310712392</v>
      </c>
      <c r="L23" s="143">
        <v>0.25681766665214018</v>
      </c>
      <c r="M23" s="92">
        <v>9.6697961434000418E-2</v>
      </c>
      <c r="N23" s="143">
        <v>8.0013110854824945E-2</v>
      </c>
      <c r="O23" s="92">
        <v>6.5468999958471941E-2</v>
      </c>
    </row>
    <row r="24" spans="1:15">
      <c r="A24" s="52" t="s">
        <v>544</v>
      </c>
      <c r="B24" s="136">
        <v>110</v>
      </c>
      <c r="C24" s="137">
        <v>3.2465812486042758</v>
      </c>
      <c r="D24" s="123">
        <v>0.20329468833581868</v>
      </c>
      <c r="E24" s="115">
        <v>110</v>
      </c>
      <c r="F24" s="138">
        <v>8.4912738523062109E-2</v>
      </c>
      <c r="G24" s="89">
        <v>5.6064339529047463E-2</v>
      </c>
      <c r="H24" s="139">
        <v>0.16019612838511432</v>
      </c>
      <c r="I24" s="89">
        <v>7.0709213415212996E-2</v>
      </c>
      <c r="J24" s="139">
        <v>0.26412462491778904</v>
      </c>
      <c r="K24" s="89">
        <v>8.3392682206581054E-2</v>
      </c>
      <c r="L24" s="139">
        <v>0.40493016231255402</v>
      </c>
      <c r="M24" s="89">
        <v>9.2068788805165891E-2</v>
      </c>
      <c r="N24" s="139">
        <v>8.5836345861480298E-2</v>
      </c>
      <c r="O24" s="89">
        <v>5.6287042352852965E-2</v>
      </c>
    </row>
    <row r="25" spans="1:15">
      <c r="A25" s="44" t="s">
        <v>545</v>
      </c>
      <c r="B25" s="140">
        <v>121</v>
      </c>
      <c r="C25" s="141">
        <v>2.8596000504216308</v>
      </c>
      <c r="D25" s="125">
        <v>0.20119016593200034</v>
      </c>
      <c r="E25" s="118">
        <v>121</v>
      </c>
      <c r="F25" s="142">
        <v>0.10807382669140737</v>
      </c>
      <c r="G25" s="92">
        <v>5.825938524196278E-2</v>
      </c>
      <c r="H25" s="143">
        <v>0.30079741124512999</v>
      </c>
      <c r="I25" s="92">
        <v>8.2523658972557687E-2</v>
      </c>
      <c r="J25" s="143">
        <v>0.28359994615191392</v>
      </c>
      <c r="K25" s="92">
        <v>8.1214800374747403E-2</v>
      </c>
      <c r="L25" s="143">
        <v>0.2385125167735222</v>
      </c>
      <c r="M25" s="92">
        <v>7.7134754697205307E-2</v>
      </c>
      <c r="N25" s="143">
        <v>6.9016299138026801E-2</v>
      </c>
      <c r="O25" s="92">
        <v>4.9299298020236963E-2</v>
      </c>
    </row>
    <row r="32" spans="1:15" ht="18.75">
      <c r="A32" s="335" t="s">
        <v>205</v>
      </c>
      <c r="B32" s="335"/>
      <c r="C32" s="335"/>
      <c r="D32" s="335"/>
      <c r="E32" s="335"/>
      <c r="F32" s="335"/>
      <c r="G32" s="335"/>
      <c r="H32" s="335"/>
      <c r="I32" s="335"/>
      <c r="J32" s="225"/>
      <c r="K32" s="225"/>
    </row>
    <row r="33" spans="1:11" ht="81" customHeight="1">
      <c r="A33" s="393" t="s">
        <v>206</v>
      </c>
      <c r="B33" s="393"/>
      <c r="C33" s="393"/>
      <c r="D33" s="393"/>
      <c r="E33" s="393"/>
      <c r="F33" s="393"/>
      <c r="G33" s="393"/>
      <c r="H33" s="393"/>
      <c r="I33" s="393"/>
      <c r="J33" s="225"/>
      <c r="K33" s="225"/>
    </row>
    <row r="34" spans="1:11" ht="30" customHeight="1">
      <c r="A34" s="395" t="s">
        <v>205</v>
      </c>
      <c r="B34" s="395"/>
      <c r="C34" s="395"/>
      <c r="D34" s="395"/>
      <c r="E34" s="338" t="s">
        <v>207</v>
      </c>
      <c r="F34" s="339"/>
      <c r="G34" s="339"/>
      <c r="H34" s="339"/>
      <c r="I34" s="340"/>
    </row>
    <row r="35" spans="1:11" ht="72">
      <c r="A35" s="32" t="s">
        <v>71</v>
      </c>
      <c r="B35" s="33" t="s">
        <v>72</v>
      </c>
      <c r="C35" s="34" t="s">
        <v>583</v>
      </c>
      <c r="D35" s="35" t="s">
        <v>73</v>
      </c>
      <c r="E35" s="33" t="s">
        <v>72</v>
      </c>
      <c r="F35" s="33" t="s">
        <v>212</v>
      </c>
      <c r="G35" s="84" t="s">
        <v>209</v>
      </c>
      <c r="H35" s="33" t="s">
        <v>213</v>
      </c>
      <c r="I35" s="84" t="s">
        <v>211</v>
      </c>
    </row>
    <row r="36" spans="1:11" ht="84">
      <c r="A36" s="36"/>
      <c r="B36" s="37" t="s">
        <v>74</v>
      </c>
      <c r="C36" s="38" t="s">
        <v>289</v>
      </c>
      <c r="D36" s="39" t="s">
        <v>76</v>
      </c>
      <c r="E36" s="37" t="s">
        <v>74</v>
      </c>
      <c r="F36" s="37" t="s">
        <v>208</v>
      </c>
      <c r="G36" s="86" t="s">
        <v>88</v>
      </c>
      <c r="H36" s="37" t="s">
        <v>210</v>
      </c>
      <c r="I36" s="86" t="s">
        <v>88</v>
      </c>
    </row>
    <row r="37" spans="1:11">
      <c r="A37" s="40" t="s">
        <v>350</v>
      </c>
      <c r="B37" s="144">
        <v>13544</v>
      </c>
      <c r="C37" s="79">
        <v>12.519755301226652</v>
      </c>
      <c r="D37" s="80">
        <v>8.8934485141396194E-2</v>
      </c>
      <c r="E37" s="78">
        <v>13544</v>
      </c>
      <c r="F37" s="93">
        <v>0.84765803633467895</v>
      </c>
      <c r="G37" s="89">
        <v>6.1763582944921926E-3</v>
      </c>
      <c r="H37" s="93">
        <v>0.15234196366532649</v>
      </c>
      <c r="I37" s="89">
        <v>6.176358294492282E-3</v>
      </c>
    </row>
    <row r="38" spans="1:11">
      <c r="A38" s="44" t="s">
        <v>351</v>
      </c>
      <c r="B38" s="44">
        <v>10035</v>
      </c>
      <c r="C38" s="146">
        <v>11.796030889239407</v>
      </c>
      <c r="D38" s="147">
        <v>9.6483580813808797E-2</v>
      </c>
      <c r="E38" s="118">
        <v>10035</v>
      </c>
      <c r="F38" s="148">
        <v>0.88018330311680648</v>
      </c>
      <c r="G38" s="92">
        <v>6.4858513470029038E-3</v>
      </c>
      <c r="H38" s="148">
        <v>0.11981669688318362</v>
      </c>
      <c r="I38" s="92">
        <v>6.4858513470026739E-3</v>
      </c>
    </row>
    <row r="39" spans="1:11">
      <c r="A39" s="40" t="s">
        <v>352</v>
      </c>
      <c r="B39" s="48">
        <v>3509</v>
      </c>
      <c r="C39" s="79">
        <v>13.132194826746412</v>
      </c>
      <c r="D39" s="80">
        <v>0.19636422728631525</v>
      </c>
      <c r="E39" s="78">
        <v>3509</v>
      </c>
      <c r="F39" s="93">
        <v>0.82013408021889012</v>
      </c>
      <c r="G39" s="89">
        <v>1.2970325643831033E-2</v>
      </c>
      <c r="H39" s="93">
        <v>0.1798659197811093</v>
      </c>
      <c r="I39" s="89">
        <v>1.2970325643831018E-2</v>
      </c>
    </row>
    <row r="40" spans="1:11">
      <c r="A40" s="44" t="s">
        <v>534</v>
      </c>
      <c r="B40" s="44">
        <v>1649</v>
      </c>
      <c r="C40" s="146">
        <v>12.971693061913401</v>
      </c>
      <c r="D40" s="147">
        <v>0.27090034424079146</v>
      </c>
      <c r="E40" s="118">
        <v>1649</v>
      </c>
      <c r="F40" s="148">
        <v>0.81710618095484289</v>
      </c>
      <c r="G40" s="92">
        <v>1.9047477357043721E-2</v>
      </c>
      <c r="H40" s="148">
        <v>0.18289381904515747</v>
      </c>
      <c r="I40" s="92">
        <v>1.9047477357043735E-2</v>
      </c>
    </row>
    <row r="41" spans="1:11">
      <c r="A41" s="40" t="s">
        <v>535</v>
      </c>
      <c r="B41" s="48">
        <v>917</v>
      </c>
      <c r="C41" s="79">
        <v>12.03886545421757</v>
      </c>
      <c r="D41" s="80">
        <v>0.33365017308986272</v>
      </c>
      <c r="E41" s="78">
        <v>917</v>
      </c>
      <c r="F41" s="93">
        <v>0.86981976613095968</v>
      </c>
      <c r="G41" s="89">
        <v>2.2291986438540856E-2</v>
      </c>
      <c r="H41" s="93">
        <v>0.13018023386904046</v>
      </c>
      <c r="I41" s="89">
        <v>2.2291986438540863E-2</v>
      </c>
    </row>
    <row r="42" spans="1:11">
      <c r="A42" s="44" t="s">
        <v>536</v>
      </c>
      <c r="B42" s="44">
        <v>193</v>
      </c>
      <c r="C42" s="146">
        <v>11.323749251443628</v>
      </c>
      <c r="D42" s="147">
        <v>0.74653456303953558</v>
      </c>
      <c r="E42" s="118">
        <v>193</v>
      </c>
      <c r="F42" s="148">
        <v>0.87410321139512792</v>
      </c>
      <c r="G42" s="92">
        <v>4.8463177112851134E-2</v>
      </c>
      <c r="H42" s="148">
        <v>0.12589678860487241</v>
      </c>
      <c r="I42" s="92">
        <v>4.8463177112851176E-2</v>
      </c>
    </row>
    <row r="43" spans="1:11">
      <c r="A43" s="40" t="s">
        <v>537</v>
      </c>
      <c r="B43" s="48">
        <v>71</v>
      </c>
      <c r="C43" s="79">
        <v>10.998101739111444</v>
      </c>
      <c r="D43" s="80">
        <v>1.192952205783897</v>
      </c>
      <c r="E43" s="78">
        <v>71</v>
      </c>
      <c r="F43" s="93">
        <v>0.8844822551905428</v>
      </c>
      <c r="G43" s="89">
        <v>7.9169381971300343E-2</v>
      </c>
      <c r="H43" s="93">
        <v>0.11551774480945726</v>
      </c>
      <c r="I43" s="89">
        <v>7.9169381971300357E-2</v>
      </c>
    </row>
    <row r="44" spans="1:11">
      <c r="A44" s="44" t="s">
        <v>546</v>
      </c>
      <c r="B44" s="44">
        <v>740</v>
      </c>
      <c r="C44" s="146">
        <v>13.365034348150113</v>
      </c>
      <c r="D44" s="147">
        <v>0.43395312413177045</v>
      </c>
      <c r="E44" s="118">
        <v>740</v>
      </c>
      <c r="F44" s="148">
        <v>0.79380127693266833</v>
      </c>
      <c r="G44" s="92">
        <v>2.9748631300118483E-2</v>
      </c>
      <c r="H44" s="148">
        <v>0.20619872306733245</v>
      </c>
      <c r="I44" s="92">
        <v>2.9748631300118525E-2</v>
      </c>
    </row>
    <row r="45" spans="1:11">
      <c r="A45" s="40" t="s">
        <v>547</v>
      </c>
      <c r="B45" s="48">
        <v>121</v>
      </c>
      <c r="C45" s="79">
        <v>13.855949002518871</v>
      </c>
      <c r="D45" s="80">
        <v>1.128730380448886</v>
      </c>
      <c r="E45" s="78">
        <v>121</v>
      </c>
      <c r="F45" s="93">
        <v>0.75263062570347328</v>
      </c>
      <c r="G45" s="89">
        <v>7.80147751964579E-2</v>
      </c>
      <c r="H45" s="93">
        <v>0.24736937429652719</v>
      </c>
      <c r="I45" s="89">
        <v>7.8014775196457942E-2</v>
      </c>
    </row>
    <row r="46" spans="1:11">
      <c r="A46" s="44" t="s">
        <v>548</v>
      </c>
      <c r="B46" s="44">
        <v>97</v>
      </c>
      <c r="C46" s="146">
        <v>12.927587597299009</v>
      </c>
      <c r="D46" s="147">
        <v>1.0969224881374962</v>
      </c>
      <c r="E46" s="118">
        <v>97</v>
      </c>
      <c r="F46" s="148">
        <v>0.83256336948223197</v>
      </c>
      <c r="G46" s="92">
        <v>7.6556690570738384E-2</v>
      </c>
      <c r="H46" s="148">
        <v>0.16743663051776775</v>
      </c>
      <c r="I46" s="92">
        <v>7.6556690570738328E-2</v>
      </c>
    </row>
    <row r="47" spans="1:11">
      <c r="A47" s="40" t="s">
        <v>538</v>
      </c>
      <c r="B47" s="144">
        <v>125</v>
      </c>
      <c r="C47" s="79">
        <v>12.557352936307305</v>
      </c>
      <c r="D47" s="80">
        <v>0.88665490500405053</v>
      </c>
      <c r="E47" s="78">
        <v>125</v>
      </c>
      <c r="F47" s="93">
        <v>0.86561221294181989</v>
      </c>
      <c r="G47" s="89">
        <v>6.2129881676459282E-2</v>
      </c>
      <c r="H47" s="93">
        <v>0.13438778705818064</v>
      </c>
      <c r="I47" s="89">
        <v>6.2129881676459366E-2</v>
      </c>
    </row>
    <row r="48" spans="1:11">
      <c r="A48" s="44" t="s">
        <v>539</v>
      </c>
      <c r="B48" s="145">
        <v>95</v>
      </c>
      <c r="C48" s="146">
        <v>12.690718379561488</v>
      </c>
      <c r="D48" s="147">
        <v>1.0369554849588729</v>
      </c>
      <c r="E48" s="118">
        <v>95</v>
      </c>
      <c r="F48" s="148">
        <v>0.87061536875396395</v>
      </c>
      <c r="G48" s="92">
        <v>7.0644785550949676E-2</v>
      </c>
      <c r="H48" s="148">
        <v>0.12938463124603575</v>
      </c>
      <c r="I48" s="92">
        <v>7.0644785550949635E-2</v>
      </c>
    </row>
    <row r="49" spans="1:9">
      <c r="A49" s="40" t="s">
        <v>540</v>
      </c>
      <c r="B49" s="78">
        <v>260</v>
      </c>
      <c r="C49" s="79">
        <v>11.53497750217563</v>
      </c>
      <c r="D49" s="80">
        <v>0.59064760609165345</v>
      </c>
      <c r="E49" s="78">
        <v>260</v>
      </c>
      <c r="F49" s="93">
        <v>0.87715787385377564</v>
      </c>
      <c r="G49" s="89">
        <v>4.1199777481029667E-2</v>
      </c>
      <c r="H49" s="93">
        <v>0.12284212614622288</v>
      </c>
      <c r="I49" s="89">
        <v>4.1199777481029466E-2</v>
      </c>
    </row>
    <row r="50" spans="1:9" ht="25.5">
      <c r="A50" s="44" t="s">
        <v>541</v>
      </c>
      <c r="B50" s="145">
        <v>112</v>
      </c>
      <c r="C50" s="146">
        <v>10.79722761386155</v>
      </c>
      <c r="D50" s="147">
        <v>0.85768279904856637</v>
      </c>
      <c r="E50" s="118">
        <v>112</v>
      </c>
      <c r="F50" s="148">
        <v>0.91390962339841608</v>
      </c>
      <c r="G50" s="92">
        <v>5.5798395086007493E-2</v>
      </c>
      <c r="H50" s="148">
        <v>8.6090376601584903E-2</v>
      </c>
      <c r="I50" s="92">
        <v>5.5798395086007722E-2</v>
      </c>
    </row>
    <row r="51" spans="1:9" ht="25.5">
      <c r="A51" s="52" t="s">
        <v>549</v>
      </c>
      <c r="B51" s="144">
        <v>68</v>
      </c>
      <c r="C51" s="79">
        <v>12.145169214387634</v>
      </c>
      <c r="D51" s="80">
        <v>1.0961268079160253</v>
      </c>
      <c r="E51" s="78">
        <v>68</v>
      </c>
      <c r="F51" s="93">
        <v>0.83452953327339696</v>
      </c>
      <c r="G51" s="89">
        <v>9.1341555442027447E-2</v>
      </c>
      <c r="H51" s="93">
        <v>0.16547046672660315</v>
      </c>
      <c r="I51" s="89">
        <v>9.1341555442027461E-2</v>
      </c>
    </row>
    <row r="52" spans="1:9">
      <c r="A52" s="44" t="s">
        <v>543</v>
      </c>
      <c r="B52" s="145">
        <v>80</v>
      </c>
      <c r="C52" s="146">
        <v>12.137497504810176</v>
      </c>
      <c r="D52" s="147">
        <v>1.1635867966841673</v>
      </c>
      <c r="E52" s="118">
        <v>80</v>
      </c>
      <c r="F52" s="148">
        <v>0.85531995821512408</v>
      </c>
      <c r="G52" s="92">
        <v>8.032240597484247E-2</v>
      </c>
      <c r="H52" s="148">
        <v>0.14468004178487556</v>
      </c>
      <c r="I52" s="92">
        <v>8.0322405974842401E-2</v>
      </c>
    </row>
    <row r="53" spans="1:9">
      <c r="A53" s="52" t="s">
        <v>544</v>
      </c>
      <c r="B53" s="144">
        <v>112</v>
      </c>
      <c r="C53" s="79">
        <v>12.235842797653849</v>
      </c>
      <c r="D53" s="80">
        <v>0.96635540694018118</v>
      </c>
      <c r="E53" s="78">
        <v>112</v>
      </c>
      <c r="F53" s="93">
        <v>0.88450175595001046</v>
      </c>
      <c r="G53" s="89">
        <v>6.2195071176154797E-2</v>
      </c>
      <c r="H53" s="93">
        <v>0.11549824404998961</v>
      </c>
      <c r="I53" s="89">
        <v>6.2195071176154804E-2</v>
      </c>
    </row>
    <row r="54" spans="1:9">
      <c r="A54" s="44" t="s">
        <v>545</v>
      </c>
      <c r="B54" s="145">
        <v>122</v>
      </c>
      <c r="C54" s="146">
        <v>12.489405120302992</v>
      </c>
      <c r="D54" s="147">
        <v>0.90703670469445274</v>
      </c>
      <c r="E54" s="118">
        <v>122</v>
      </c>
      <c r="F54" s="148">
        <v>0.8768812699111207</v>
      </c>
      <c r="G54" s="92">
        <v>6.0902143709318887E-2</v>
      </c>
      <c r="H54" s="148">
        <v>0.1231187300888795</v>
      </c>
      <c r="I54" s="92">
        <v>6.0902143709318929E-2</v>
      </c>
    </row>
    <row r="61" spans="1:9" ht="18.75">
      <c r="A61" s="335" t="s">
        <v>353</v>
      </c>
      <c r="B61" s="335"/>
      <c r="C61" s="335"/>
      <c r="D61" s="335"/>
    </row>
    <row r="62" spans="1:9" ht="97.5" customHeight="1">
      <c r="A62" s="354" t="s">
        <v>381</v>
      </c>
      <c r="B62" s="354"/>
      <c r="C62" s="354"/>
      <c r="D62" s="354"/>
    </row>
    <row r="63" spans="1:9" ht="36" customHeight="1">
      <c r="A63" s="394" t="s">
        <v>119</v>
      </c>
      <c r="B63" s="395"/>
      <c r="C63" s="395"/>
      <c r="D63" s="395"/>
    </row>
    <row r="64" spans="1:9" ht="72">
      <c r="A64" s="32" t="s">
        <v>71</v>
      </c>
      <c r="B64" s="33" t="s">
        <v>72</v>
      </c>
      <c r="C64" s="34" t="s">
        <v>583</v>
      </c>
      <c r="D64" s="35" t="s">
        <v>73</v>
      </c>
    </row>
    <row r="65" spans="1:4" ht="84">
      <c r="A65" s="36"/>
      <c r="B65" s="37" t="s">
        <v>74</v>
      </c>
      <c r="C65" s="38" t="s">
        <v>120</v>
      </c>
      <c r="D65" s="39" t="s">
        <v>76</v>
      </c>
    </row>
    <row r="66" spans="1:4">
      <c r="A66" s="40" t="s">
        <v>350</v>
      </c>
      <c r="B66" s="149">
        <v>10264</v>
      </c>
      <c r="C66" s="79">
        <v>5.3006208479915813</v>
      </c>
      <c r="D66" s="80">
        <v>2.6719251846929002E-2</v>
      </c>
    </row>
    <row r="67" spans="1:4">
      <c r="A67" s="44" t="s">
        <v>351</v>
      </c>
      <c r="B67" s="44">
        <v>8119</v>
      </c>
      <c r="C67" s="151">
        <v>5.3656834675598448</v>
      </c>
      <c r="D67" s="152">
        <v>2.9672117658980486E-2</v>
      </c>
    </row>
    <row r="68" spans="1:4">
      <c r="A68" s="40" t="s">
        <v>352</v>
      </c>
      <c r="B68" s="48">
        <v>2145</v>
      </c>
      <c r="C68" s="79">
        <v>5.2304402162232035</v>
      </c>
      <c r="D68" s="80">
        <v>6.035898468368902E-2</v>
      </c>
    </row>
    <row r="69" spans="1:4">
      <c r="A69" s="44" t="s">
        <v>534</v>
      </c>
      <c r="B69" s="44">
        <v>1152</v>
      </c>
      <c r="C69" s="151">
        <v>5.164410042330891</v>
      </c>
      <c r="D69" s="152">
        <v>8.195202164922212E-2</v>
      </c>
    </row>
    <row r="70" spans="1:4">
      <c r="A70" s="40" t="s">
        <v>535</v>
      </c>
      <c r="B70" s="48">
        <v>704</v>
      </c>
      <c r="C70" s="79">
        <v>5.3815076039588483</v>
      </c>
      <c r="D70" s="80">
        <v>0.10028475393336538</v>
      </c>
    </row>
    <row r="71" spans="1:4">
      <c r="A71" s="44" t="s">
        <v>536</v>
      </c>
      <c r="B71" s="44">
        <v>143</v>
      </c>
      <c r="C71" s="151">
        <v>5.4515024381652886</v>
      </c>
      <c r="D71" s="152">
        <v>0.22121443431654547</v>
      </c>
    </row>
    <row r="72" spans="1:4">
      <c r="A72" s="40" t="s">
        <v>537</v>
      </c>
      <c r="B72" s="48">
        <v>55</v>
      </c>
      <c r="C72" s="79">
        <v>5.6501902947712423</v>
      </c>
      <c r="D72" s="80">
        <v>0.35762992380167896</v>
      </c>
    </row>
    <row r="73" spans="1:4">
      <c r="A73" s="44" t="s">
        <v>546</v>
      </c>
      <c r="B73" s="44">
        <v>455</v>
      </c>
      <c r="C73" s="151">
        <v>5.0596927170203205</v>
      </c>
      <c r="D73" s="152">
        <v>0.1366746490997725</v>
      </c>
    </row>
    <row r="74" spans="1:4">
      <c r="A74" s="40" t="s">
        <v>547</v>
      </c>
      <c r="B74" s="48">
        <v>72</v>
      </c>
      <c r="C74" s="79">
        <v>4.9895214516404174</v>
      </c>
      <c r="D74" s="80">
        <v>0.40544719169645904</v>
      </c>
    </row>
    <row r="75" spans="1:4">
      <c r="A75" s="44" t="s">
        <v>548</v>
      </c>
      <c r="B75" s="44">
        <v>68</v>
      </c>
      <c r="C75" s="151">
        <v>5.1687517456257366</v>
      </c>
      <c r="D75" s="152">
        <v>0.38475219171035269</v>
      </c>
    </row>
    <row r="76" spans="1:4">
      <c r="A76" s="40" t="s">
        <v>538</v>
      </c>
      <c r="B76" s="149">
        <v>94</v>
      </c>
      <c r="C76" s="79">
        <v>5.5920792314824563</v>
      </c>
      <c r="D76" s="80">
        <v>0.23951630201120525</v>
      </c>
    </row>
    <row r="77" spans="1:4">
      <c r="A77" s="44" t="s">
        <v>539</v>
      </c>
      <c r="B77" s="150">
        <v>73</v>
      </c>
      <c r="C77" s="151">
        <v>5.579407225519927</v>
      </c>
      <c r="D77" s="152">
        <v>0.25674434113955796</v>
      </c>
    </row>
    <row r="78" spans="1:4">
      <c r="A78" s="40" t="s">
        <v>540</v>
      </c>
      <c r="B78" s="78">
        <v>202</v>
      </c>
      <c r="C78" s="79">
        <v>5.4069875027155838</v>
      </c>
      <c r="D78" s="80">
        <v>0.17696781139173079</v>
      </c>
    </row>
    <row r="79" spans="1:4" ht="25.5">
      <c r="A79" s="44" t="s">
        <v>541</v>
      </c>
      <c r="B79" s="150">
        <v>90</v>
      </c>
      <c r="C79" s="151">
        <v>5.5199073962130685</v>
      </c>
      <c r="D79" s="152">
        <v>0.24927943765138066</v>
      </c>
    </row>
    <row r="80" spans="1:4" ht="25.5">
      <c r="A80" s="52" t="s">
        <v>549</v>
      </c>
      <c r="B80" s="149">
        <v>52</v>
      </c>
      <c r="C80" s="79">
        <v>5.1558679068164261</v>
      </c>
      <c r="D80" s="80">
        <v>0.35172777766426444</v>
      </c>
    </row>
    <row r="81" spans="1:26">
      <c r="A81" s="44" t="s">
        <v>543</v>
      </c>
      <c r="B81" s="150">
        <v>60</v>
      </c>
      <c r="C81" s="151">
        <v>5.4088812587117863</v>
      </c>
      <c r="D81" s="152">
        <v>0.34621396512325947</v>
      </c>
    </row>
    <row r="82" spans="1:26">
      <c r="A82" s="52" t="s">
        <v>544</v>
      </c>
      <c r="B82" s="149">
        <v>95</v>
      </c>
      <c r="C82" s="79">
        <v>5.319554592166071</v>
      </c>
      <c r="D82" s="80">
        <v>0.28088504877825937</v>
      </c>
    </row>
    <row r="83" spans="1:26">
      <c r="A83" s="44" t="s">
        <v>545</v>
      </c>
      <c r="B83" s="150">
        <v>95</v>
      </c>
      <c r="C83" s="151">
        <v>5.186644289454942</v>
      </c>
      <c r="D83" s="152">
        <v>0.28748149114051552</v>
      </c>
    </row>
    <row r="90" spans="1:26" ht="18.75">
      <c r="A90" s="335" t="s">
        <v>354</v>
      </c>
      <c r="B90" s="335"/>
      <c r="C90" s="335"/>
      <c r="D90" s="335"/>
      <c r="E90" s="335"/>
      <c r="F90" s="335"/>
      <c r="G90" s="335"/>
      <c r="H90" s="335"/>
      <c r="I90" s="335"/>
      <c r="J90" s="335"/>
      <c r="K90" s="335"/>
      <c r="L90" s="335"/>
      <c r="M90" s="335"/>
      <c r="N90" s="335"/>
      <c r="O90" s="335"/>
      <c r="P90" s="335"/>
      <c r="Q90" s="335"/>
      <c r="R90" s="335"/>
      <c r="S90" s="335"/>
      <c r="T90" s="335"/>
      <c r="U90" s="335"/>
      <c r="V90" s="335"/>
    </row>
    <row r="91" spans="1:26" ht="58.5" customHeight="1">
      <c r="A91" s="393" t="s">
        <v>600</v>
      </c>
      <c r="B91" s="393"/>
      <c r="C91" s="393"/>
      <c r="D91" s="393"/>
      <c r="E91" s="393"/>
      <c r="F91" s="393"/>
      <c r="G91" s="393"/>
      <c r="H91" s="393"/>
      <c r="I91" s="393"/>
      <c r="J91" s="393"/>
      <c r="K91" s="393"/>
      <c r="L91" s="393"/>
      <c r="M91" s="393"/>
      <c r="N91" s="393"/>
      <c r="O91" s="393"/>
      <c r="P91" s="393"/>
      <c r="Q91" s="393"/>
      <c r="R91" s="393"/>
      <c r="S91" s="393"/>
      <c r="T91" s="393"/>
      <c r="U91" s="393"/>
      <c r="V91" s="393"/>
    </row>
    <row r="92" spans="1:26" ht="38.25" customHeight="1">
      <c r="A92" s="59" t="s">
        <v>71</v>
      </c>
      <c r="B92" s="337" t="s">
        <v>290</v>
      </c>
      <c r="C92" s="337"/>
      <c r="D92" s="337"/>
      <c r="E92" s="337"/>
      <c r="F92" s="337"/>
      <c r="G92" s="337"/>
      <c r="H92" s="337"/>
      <c r="I92" s="398" t="s">
        <v>214</v>
      </c>
      <c r="J92" s="399"/>
      <c r="K92" s="399"/>
      <c r="L92" s="399"/>
      <c r="M92" s="399"/>
      <c r="N92" s="399"/>
      <c r="O92" s="400"/>
      <c r="P92" s="390" t="s">
        <v>230</v>
      </c>
      <c r="Q92" s="391"/>
      <c r="R92" s="391"/>
      <c r="S92" s="391"/>
      <c r="T92" s="391"/>
      <c r="U92" s="391"/>
      <c r="V92" s="392"/>
    </row>
    <row r="93" spans="1:26" ht="72">
      <c r="A93" s="32" t="s">
        <v>71</v>
      </c>
      <c r="B93" s="33" t="s">
        <v>72</v>
      </c>
      <c r="C93" s="33" t="s">
        <v>156</v>
      </c>
      <c r="D93" s="84" t="s">
        <v>85</v>
      </c>
      <c r="E93" s="33" t="s">
        <v>157</v>
      </c>
      <c r="F93" s="84" t="s">
        <v>86</v>
      </c>
      <c r="G93" s="33" t="s">
        <v>158</v>
      </c>
      <c r="H93" s="84" t="s">
        <v>87</v>
      </c>
      <c r="I93" s="60" t="s">
        <v>72</v>
      </c>
      <c r="J93" s="60" t="s">
        <v>156</v>
      </c>
      <c r="K93" s="83" t="s">
        <v>85</v>
      </c>
      <c r="L93" s="60" t="s">
        <v>157</v>
      </c>
      <c r="M93" s="83" t="s">
        <v>86</v>
      </c>
      <c r="N93" s="60" t="s">
        <v>158</v>
      </c>
      <c r="O93" s="83" t="s">
        <v>87</v>
      </c>
      <c r="P93" s="33" t="s">
        <v>72</v>
      </c>
      <c r="Q93" s="33" t="s">
        <v>156</v>
      </c>
      <c r="R93" s="84" t="s">
        <v>85</v>
      </c>
      <c r="S93" s="33" t="s">
        <v>157</v>
      </c>
      <c r="T93" s="84" t="s">
        <v>86</v>
      </c>
      <c r="U93" s="33" t="s">
        <v>158</v>
      </c>
      <c r="V93" s="84" t="s">
        <v>87</v>
      </c>
      <c r="Z93" s="259"/>
    </row>
    <row r="94" spans="1:26"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26">
      <c r="A95" s="40" t="s">
        <v>350</v>
      </c>
      <c r="B95" s="149">
        <v>10489</v>
      </c>
      <c r="C95" s="153">
        <v>0.14565470592678445</v>
      </c>
      <c r="D95" s="89">
        <v>6.8901089120470905E-3</v>
      </c>
      <c r="E95" s="153">
        <v>0.11374187917114803</v>
      </c>
      <c r="F95" s="89">
        <v>6.2024792183501959E-3</v>
      </c>
      <c r="G95" s="153">
        <v>0.74060341490207637</v>
      </c>
      <c r="H95" s="89">
        <v>8.5586450335398603E-3</v>
      </c>
      <c r="I95" s="149">
        <v>8312</v>
      </c>
      <c r="J95" s="153">
        <v>0.17744309172835074</v>
      </c>
      <c r="K95" s="89">
        <v>8.3817383862121574E-3</v>
      </c>
      <c r="L95" s="153">
        <v>0.12725743355485764</v>
      </c>
      <c r="M95" s="89">
        <v>7.313386375707615E-3</v>
      </c>
      <c r="N95" s="153">
        <v>0.69529947471679554</v>
      </c>
      <c r="O95" s="89">
        <v>1.0095617870299223E-2</v>
      </c>
      <c r="P95" s="149">
        <v>9626</v>
      </c>
      <c r="Q95" s="153">
        <v>0.11803423183595713</v>
      </c>
      <c r="R95" s="89">
        <v>6.5795974512955092E-3</v>
      </c>
      <c r="S95" s="153">
        <v>9.8303118975524198E-2</v>
      </c>
      <c r="T95" s="89">
        <v>6.0723788117061752E-3</v>
      </c>
      <c r="U95" s="153">
        <v>0.7836626491885258</v>
      </c>
      <c r="V95" s="89">
        <v>8.3933003107519218E-3</v>
      </c>
    </row>
    <row r="96" spans="1:26">
      <c r="A96" s="44" t="s">
        <v>351</v>
      </c>
      <c r="B96" s="150">
        <v>8304</v>
      </c>
      <c r="C96" s="154">
        <v>0.14117205369926639</v>
      </c>
      <c r="D96" s="92">
        <v>7.6441833036109364E-3</v>
      </c>
      <c r="E96" s="154">
        <v>0.10912478663506393</v>
      </c>
      <c r="F96" s="92">
        <v>6.8466823336989779E-3</v>
      </c>
      <c r="G96" s="154">
        <v>0.74970315966567358</v>
      </c>
      <c r="H96" s="92">
        <v>9.5065635720665183E-3</v>
      </c>
      <c r="I96" s="150">
        <v>6561</v>
      </c>
      <c r="J96" s="154">
        <v>0.18181338833319408</v>
      </c>
      <c r="K96" s="92">
        <v>9.5242702048950346E-3</v>
      </c>
      <c r="L96" s="154">
        <v>0.11615278684473487</v>
      </c>
      <c r="M96" s="92">
        <v>7.9158101162414458E-3</v>
      </c>
      <c r="N96" s="154">
        <v>0.70203382482207477</v>
      </c>
      <c r="O96" s="92">
        <v>1.1290852762469328E-2</v>
      </c>
      <c r="P96" s="150">
        <v>7483</v>
      </c>
      <c r="Q96" s="154">
        <v>0.1084955098102466</v>
      </c>
      <c r="R96" s="92">
        <v>7.1946720727196229E-3</v>
      </c>
      <c r="S96" s="154">
        <v>9.3708972906481808E-2</v>
      </c>
      <c r="T96" s="92">
        <v>6.7429649963781906E-3</v>
      </c>
      <c r="U96" s="154">
        <v>0.79779551728327425</v>
      </c>
      <c r="V96" s="92">
        <v>9.2863435419072611E-3</v>
      </c>
    </row>
    <row r="97" spans="1:22">
      <c r="A97" s="40" t="s">
        <v>352</v>
      </c>
      <c r="B97" s="149">
        <v>2185</v>
      </c>
      <c r="C97" s="153">
        <v>0.15051110979782892</v>
      </c>
      <c r="D97" s="89">
        <v>1.5311803847051563E-2</v>
      </c>
      <c r="E97" s="153">
        <v>0.11874393262681573</v>
      </c>
      <c r="F97" s="89">
        <v>1.3863166707576252E-2</v>
      </c>
      <c r="G97" s="153">
        <v>0.73074495757535696</v>
      </c>
      <c r="H97" s="89">
        <v>1.897083291588551E-2</v>
      </c>
      <c r="I97" s="149">
        <v>1751</v>
      </c>
      <c r="J97" s="153">
        <v>0.17304257853131097</v>
      </c>
      <c r="K97" s="89">
        <v>1.809034547158658E-2</v>
      </c>
      <c r="L97" s="153">
        <v>0.13843885871080203</v>
      </c>
      <c r="M97" s="89">
        <v>1.6528919048341806E-2</v>
      </c>
      <c r="N97" s="153">
        <v>0.68851856275788648</v>
      </c>
      <c r="O97" s="89">
        <v>2.2117148296631313E-2</v>
      </c>
      <c r="P97" s="149">
        <v>2143</v>
      </c>
      <c r="Q97" s="153">
        <v>0.12820596607496557</v>
      </c>
      <c r="R97" s="89">
        <v>1.4463469709951262E-2</v>
      </c>
      <c r="S97" s="153">
        <v>0.10320214347204745</v>
      </c>
      <c r="T97" s="89">
        <v>1.317275053546128E-2</v>
      </c>
      <c r="U97" s="153">
        <v>0.76859189045298848</v>
      </c>
      <c r="V97" s="89">
        <v>1.821708124947044E-2</v>
      </c>
    </row>
    <row r="98" spans="1:22">
      <c r="A98" s="44" t="s">
        <v>534</v>
      </c>
      <c r="B98" s="150">
        <v>1185</v>
      </c>
      <c r="C98" s="154">
        <v>0.17585242372642226</v>
      </c>
      <c r="D98" s="92">
        <v>2.213454673077847E-2</v>
      </c>
      <c r="E98" s="154">
        <v>0.1172215644417291</v>
      </c>
      <c r="F98" s="92">
        <v>1.8746670540531706E-2</v>
      </c>
      <c r="G98" s="154">
        <v>0.70692601183184789</v>
      </c>
      <c r="H98" s="92">
        <v>2.6418972573209763E-2</v>
      </c>
      <c r="I98" s="150">
        <v>928</v>
      </c>
      <c r="J98" s="154">
        <v>0.19474356075736043</v>
      </c>
      <c r="K98" s="92">
        <v>2.6008964371686472E-2</v>
      </c>
      <c r="L98" s="154">
        <v>0.14054245046944008</v>
      </c>
      <c r="M98" s="92">
        <v>2.287275741904117E-2</v>
      </c>
      <c r="N98" s="154">
        <v>0.66471398877320131</v>
      </c>
      <c r="O98" s="92">
        <v>3.0943787029568185E-2</v>
      </c>
      <c r="P98" s="150">
        <v>1093</v>
      </c>
      <c r="Q98" s="154">
        <v>0.14339847565401478</v>
      </c>
      <c r="R98" s="92">
        <v>2.1243136063656302E-2</v>
      </c>
      <c r="S98" s="154">
        <v>0.1112862147953909</v>
      </c>
      <c r="T98" s="92">
        <v>1.9095450588284053E-2</v>
      </c>
      <c r="U98" s="154">
        <v>0.74531530955059466</v>
      </c>
      <c r="V98" s="92">
        <v>2.6338963274528844E-2</v>
      </c>
    </row>
    <row r="99" spans="1:22">
      <c r="A99" s="40" t="s">
        <v>535</v>
      </c>
      <c r="B99" s="149">
        <v>726</v>
      </c>
      <c r="C99" s="153">
        <v>0.14301479227180808</v>
      </c>
      <c r="D99" s="89">
        <v>2.6061499534130471E-2</v>
      </c>
      <c r="E99" s="153">
        <v>0.10467757890061824</v>
      </c>
      <c r="F99" s="89">
        <v>2.2866874611254976E-2</v>
      </c>
      <c r="G99" s="153">
        <v>0.75230762882757329</v>
      </c>
      <c r="H99" s="89">
        <v>3.201340331579923E-2</v>
      </c>
      <c r="I99" s="149">
        <v>567</v>
      </c>
      <c r="J99" s="153">
        <v>0.17104447741860182</v>
      </c>
      <c r="K99" s="89">
        <v>3.1683533122537841E-2</v>
      </c>
      <c r="L99" s="153">
        <v>0.11500520516288501</v>
      </c>
      <c r="M99" s="89">
        <v>2.6971917105899464E-2</v>
      </c>
      <c r="N99" s="153">
        <v>0.71395031741851223</v>
      </c>
      <c r="O99" s="89">
        <v>3.7883066715945844E-2</v>
      </c>
      <c r="P99" s="149">
        <v>645</v>
      </c>
      <c r="Q99" s="153">
        <v>0.10901275591508341</v>
      </c>
      <c r="R99" s="89">
        <v>2.470255178655191E-2</v>
      </c>
      <c r="S99" s="153">
        <v>0.10321656770529111</v>
      </c>
      <c r="T99" s="89">
        <v>2.4133373665020257E-2</v>
      </c>
      <c r="U99" s="153">
        <v>0.78777067637962472</v>
      </c>
      <c r="V99" s="89">
        <v>3.2197932411978221E-2</v>
      </c>
    </row>
    <row r="100" spans="1:22">
      <c r="A100" s="44" t="s">
        <v>536</v>
      </c>
      <c r="B100" s="150">
        <v>150</v>
      </c>
      <c r="C100" s="154">
        <v>0.15124383804781477</v>
      </c>
      <c r="D100" s="92">
        <v>5.9129083422756364E-2</v>
      </c>
      <c r="E100" s="154">
        <v>0.11151450407591876</v>
      </c>
      <c r="F100" s="92">
        <v>5.2673276585468651E-2</v>
      </c>
      <c r="G100" s="154">
        <v>0.7372416578762665</v>
      </c>
      <c r="H100" s="92">
        <v>7.1460141942779207E-2</v>
      </c>
      <c r="I100" s="150">
        <v>104</v>
      </c>
      <c r="J100" s="154">
        <v>0.15981570438130002</v>
      </c>
      <c r="K100" s="92">
        <v>7.2696260077256811E-2</v>
      </c>
      <c r="L100" s="154">
        <v>0.16816159540981673</v>
      </c>
      <c r="M100" s="92">
        <v>7.4009262699200634E-2</v>
      </c>
      <c r="N100" s="154">
        <v>0.67202270020888333</v>
      </c>
      <c r="O100" s="92">
        <v>9.0790679926768661E-2</v>
      </c>
      <c r="P100" s="150">
        <v>138</v>
      </c>
      <c r="Q100" s="154">
        <v>9.5131487334688861E-2</v>
      </c>
      <c r="R100" s="92">
        <v>5.17813020196373E-2</v>
      </c>
      <c r="S100" s="154">
        <v>0.11582074520770039</v>
      </c>
      <c r="T100" s="92">
        <v>5.5817692077602697E-2</v>
      </c>
      <c r="U100" s="154">
        <v>0.78904776745761085</v>
      </c>
      <c r="V100" s="92">
        <v>6.9422579617916799E-2</v>
      </c>
    </row>
    <row r="101" spans="1:22">
      <c r="A101" s="40" t="s">
        <v>537</v>
      </c>
      <c r="B101" s="149">
        <v>57</v>
      </c>
      <c r="C101" s="153">
        <v>0.14655095276128621</v>
      </c>
      <c r="D101" s="89">
        <v>9.6128454370649069E-2</v>
      </c>
      <c r="E101" s="153">
        <v>7.6342998109094978E-2</v>
      </c>
      <c r="F101" s="89">
        <v>7.821031858926164E-2</v>
      </c>
      <c r="G101" s="153">
        <v>0.77710604912961889</v>
      </c>
      <c r="H101" s="89">
        <v>0.10953031845346493</v>
      </c>
      <c r="I101" s="149">
        <v>33</v>
      </c>
      <c r="J101" s="153">
        <v>0.2454165486130917</v>
      </c>
      <c r="K101" s="89">
        <v>0.14646956712923823</v>
      </c>
      <c r="L101" s="153">
        <v>0.12542416554930644</v>
      </c>
      <c r="M101" s="89">
        <v>0.12231540330912458</v>
      </c>
      <c r="N101" s="153">
        <v>0.62915928583760217</v>
      </c>
      <c r="O101" s="89">
        <v>0.15997630026596407</v>
      </c>
      <c r="P101" s="149">
        <v>53</v>
      </c>
      <c r="Q101" s="153">
        <v>0.10574877241658902</v>
      </c>
      <c r="R101" s="89">
        <v>9.0074364153729977E-2</v>
      </c>
      <c r="S101" s="153">
        <v>3.760680510317653E-2</v>
      </c>
      <c r="T101" s="89">
        <v>6.761484537194605E-2</v>
      </c>
      <c r="U101" s="153">
        <v>0.85664442248023465</v>
      </c>
      <c r="V101" s="89">
        <v>9.912966355176614E-2</v>
      </c>
    </row>
    <row r="102" spans="1:22">
      <c r="A102" s="44" t="s">
        <v>546</v>
      </c>
      <c r="B102" s="150">
        <v>466</v>
      </c>
      <c r="C102" s="154">
        <v>0.19313326283968688</v>
      </c>
      <c r="D102" s="92">
        <v>3.6603549515778933E-2</v>
      </c>
      <c r="E102" s="154">
        <v>0.12285637957673537</v>
      </c>
      <c r="F102" s="92">
        <v>3.0621011808606755E-2</v>
      </c>
      <c r="G102" s="154">
        <v>0.68401035758357809</v>
      </c>
      <c r="H102" s="92">
        <v>4.2946188300733872E-2</v>
      </c>
      <c r="I102" s="150">
        <v>367</v>
      </c>
      <c r="J102" s="154">
        <v>0.20491098720378395</v>
      </c>
      <c r="K102" s="92">
        <v>4.2151061254076506E-2</v>
      </c>
      <c r="L102" s="154">
        <v>0.15375063572001774</v>
      </c>
      <c r="M102" s="92">
        <v>3.7822488034335695E-2</v>
      </c>
      <c r="N102" s="154">
        <v>0.64133837707619978</v>
      </c>
      <c r="O102" s="92">
        <v>4.9846330098888357E-2</v>
      </c>
      <c r="P102" s="150">
        <v>455</v>
      </c>
      <c r="Q102" s="154">
        <v>0.16010480803766861</v>
      </c>
      <c r="R102" s="92">
        <v>3.44867196920726E-2</v>
      </c>
      <c r="S102" s="154">
        <v>0.11444095692834914</v>
      </c>
      <c r="T102" s="92">
        <v>3.0094098626119684E-2</v>
      </c>
      <c r="U102" s="154">
        <v>0.72545423503398287</v>
      </c>
      <c r="V102" s="92">
        <v>4.1753759629404745E-2</v>
      </c>
    </row>
    <row r="103" spans="1:22">
      <c r="A103" s="40" t="s">
        <v>547</v>
      </c>
      <c r="B103" s="149">
        <v>74</v>
      </c>
      <c r="C103" s="153">
        <v>0.19857577543122648</v>
      </c>
      <c r="D103" s="89">
        <v>9.2880711939686667E-2</v>
      </c>
      <c r="E103" s="153">
        <v>0.12969951614808084</v>
      </c>
      <c r="F103" s="89">
        <v>8.0568741540131966E-2</v>
      </c>
      <c r="G103" s="153">
        <v>0.67172470842069254</v>
      </c>
      <c r="H103" s="89">
        <v>0.10704842499975258</v>
      </c>
      <c r="I103" s="149">
        <v>54</v>
      </c>
      <c r="J103" s="153">
        <v>0.29833210979762265</v>
      </c>
      <c r="K103" s="89">
        <v>0.12169670399964694</v>
      </c>
      <c r="L103" s="153">
        <v>4.6656474685455321E-2</v>
      </c>
      <c r="M103" s="89">
        <v>7.03928768730714E-2</v>
      </c>
      <c r="N103" s="153">
        <v>0.65501141551692188</v>
      </c>
      <c r="O103" s="89">
        <v>0.12571765210399768</v>
      </c>
      <c r="P103" s="149">
        <v>73</v>
      </c>
      <c r="Q103" s="153">
        <v>0.2399509774348231</v>
      </c>
      <c r="R103" s="89">
        <v>9.9143877364310865E-2</v>
      </c>
      <c r="S103" s="153">
        <v>9.7492090534596537E-2</v>
      </c>
      <c r="T103" s="89">
        <v>7.3637460561302617E-2</v>
      </c>
      <c r="U103" s="153">
        <v>0.66255693203058019</v>
      </c>
      <c r="V103" s="89">
        <v>0.1084122394991955</v>
      </c>
    </row>
    <row r="104" spans="1:22">
      <c r="A104" s="44" t="s">
        <v>548</v>
      </c>
      <c r="B104" s="150">
        <v>70</v>
      </c>
      <c r="C104" s="154">
        <v>0.18955709993836931</v>
      </c>
      <c r="D104" s="92">
        <v>9.4085214586351412E-2</v>
      </c>
      <c r="E104" s="154">
        <v>8.560868361060496E-2</v>
      </c>
      <c r="F104" s="92">
        <v>7.2164391865324792E-2</v>
      </c>
      <c r="G104" s="154">
        <v>0.72483421645102586</v>
      </c>
      <c r="H104" s="92">
        <v>0.1052068196380694</v>
      </c>
      <c r="I104" s="150">
        <v>62</v>
      </c>
      <c r="J104" s="154">
        <v>0.19965682133921486</v>
      </c>
      <c r="K104" s="92">
        <v>0.1016222068915319</v>
      </c>
      <c r="L104" s="154">
        <v>0.12555516434548983</v>
      </c>
      <c r="M104" s="92">
        <v>8.7480244277247557E-2</v>
      </c>
      <c r="N104" s="154">
        <v>0.67478801431529556</v>
      </c>
      <c r="O104" s="92">
        <v>0.11626512732266207</v>
      </c>
      <c r="P104" s="150">
        <v>63</v>
      </c>
      <c r="Q104" s="154">
        <v>0.13708619897898708</v>
      </c>
      <c r="R104" s="92">
        <v>8.9292501576018715E-2</v>
      </c>
      <c r="S104" s="154">
        <v>0.14941855438552226</v>
      </c>
      <c r="T104" s="92">
        <v>9.1856500581315587E-2</v>
      </c>
      <c r="U104" s="154">
        <v>0.7134952466354908</v>
      </c>
      <c r="V104" s="92">
        <v>0.1118900670239948</v>
      </c>
    </row>
    <row r="105" spans="1:22">
      <c r="A105" s="40" t="s">
        <v>538</v>
      </c>
      <c r="B105" s="149">
        <v>96</v>
      </c>
      <c r="C105" s="153">
        <v>9.7902705964052678E-2</v>
      </c>
      <c r="D105" s="89">
        <v>6.3558997243335344E-2</v>
      </c>
      <c r="E105" s="153">
        <v>0.11047583732428175</v>
      </c>
      <c r="F105" s="89">
        <v>6.6382674257412982E-2</v>
      </c>
      <c r="G105" s="153">
        <v>0.79162145671166517</v>
      </c>
      <c r="H105" s="89">
        <v>8.285512729773907E-2</v>
      </c>
      <c r="I105" s="149">
        <v>79</v>
      </c>
      <c r="J105" s="153">
        <v>9.532256062774927E-2</v>
      </c>
      <c r="K105" s="89">
        <v>6.9988049593361509E-2</v>
      </c>
      <c r="L105" s="153">
        <v>0.12357583172262546</v>
      </c>
      <c r="M105" s="89">
        <v>7.6562634161413984E-2</v>
      </c>
      <c r="N105" s="153">
        <v>0.781101607649625</v>
      </c>
      <c r="O105" s="89">
        <v>9.2726977641400407E-2</v>
      </c>
      <c r="P105" s="149">
        <v>81</v>
      </c>
      <c r="Q105" s="153">
        <v>5.7783928419107802E-2</v>
      </c>
      <c r="R105" s="89">
        <v>5.8376894901552887E-2</v>
      </c>
      <c r="S105" s="153">
        <v>0.11049299628258906</v>
      </c>
      <c r="T105" s="89">
        <v>7.2672493348779704E-2</v>
      </c>
      <c r="U105" s="153">
        <v>0.83172307529830292</v>
      </c>
      <c r="V105" s="89">
        <v>8.4037201358771144E-2</v>
      </c>
    </row>
    <row r="106" spans="1:22">
      <c r="A106" s="44" t="s">
        <v>539</v>
      </c>
      <c r="B106" s="150">
        <v>74</v>
      </c>
      <c r="C106" s="154">
        <v>8.8713361436456528E-2</v>
      </c>
      <c r="D106" s="92">
        <v>7.080049595353928E-2</v>
      </c>
      <c r="E106" s="154">
        <v>0.12764442584045127</v>
      </c>
      <c r="F106" s="92">
        <v>8.0130367535545199E-2</v>
      </c>
      <c r="G106" s="154">
        <v>0.78364221272309198</v>
      </c>
      <c r="H106" s="92">
        <v>9.5430763241598923E-2</v>
      </c>
      <c r="I106" s="150">
        <v>61</v>
      </c>
      <c r="J106" s="154">
        <v>8.0262135627046247E-2</v>
      </c>
      <c r="K106" s="92">
        <v>7.6394366304688141E-2</v>
      </c>
      <c r="L106" s="154">
        <v>0.14110665295777383</v>
      </c>
      <c r="M106" s="92">
        <v>9.1671869294741706E-2</v>
      </c>
      <c r="N106" s="154">
        <v>0.77863121141517977</v>
      </c>
      <c r="O106" s="92">
        <v>0.1057211905310196</v>
      </c>
      <c r="P106" s="150">
        <v>65</v>
      </c>
      <c r="Q106" s="154">
        <v>4.0780683216230781E-2</v>
      </c>
      <c r="R106" s="92">
        <v>6.0365577464191474E-2</v>
      </c>
      <c r="S106" s="154">
        <v>0.12678438255004645</v>
      </c>
      <c r="T106" s="92">
        <v>8.5598169147948613E-2</v>
      </c>
      <c r="U106" s="154">
        <v>0.83243493423372272</v>
      </c>
      <c r="V106" s="92">
        <v>9.3848079539265813E-2</v>
      </c>
    </row>
    <row r="107" spans="1:22">
      <c r="A107" s="40" t="s">
        <v>540</v>
      </c>
      <c r="B107" s="149">
        <v>210</v>
      </c>
      <c r="C107" s="153">
        <v>0.12877715376363036</v>
      </c>
      <c r="D107" s="89">
        <v>4.6823808432583068E-2</v>
      </c>
      <c r="E107" s="153">
        <v>9.0934167425769777E-2</v>
      </c>
      <c r="F107" s="89">
        <v>4.0755067464371714E-2</v>
      </c>
      <c r="G107" s="153">
        <v>0.78028867881059982</v>
      </c>
      <c r="H107" s="89">
        <v>5.7086210684067641E-2</v>
      </c>
      <c r="I107" s="149">
        <v>162</v>
      </c>
      <c r="J107" s="153">
        <v>0.19189793298760832</v>
      </c>
      <c r="K107" s="89">
        <v>6.2012977252777358E-2</v>
      </c>
      <c r="L107" s="153">
        <v>6.2058635418009024E-2</v>
      </c>
      <c r="M107" s="89">
        <v>4.0281843874012152E-2</v>
      </c>
      <c r="N107" s="153">
        <v>0.74604343159438324</v>
      </c>
      <c r="O107" s="89">
        <v>6.8079496980903681E-2</v>
      </c>
      <c r="P107" s="149">
        <v>176</v>
      </c>
      <c r="Q107" s="153">
        <v>0.11385365732237233</v>
      </c>
      <c r="R107" s="89">
        <v>4.886362758620974E-2</v>
      </c>
      <c r="S107" s="153">
        <v>5.2127123433074525E-2</v>
      </c>
      <c r="T107" s="89">
        <v>3.5970959196390546E-2</v>
      </c>
      <c r="U107" s="153">
        <v>0.83401921924455313</v>
      </c>
      <c r="V107" s="89">
        <v>5.6437710110106766E-2</v>
      </c>
    </row>
    <row r="108" spans="1:22" ht="25.5">
      <c r="A108" s="44" t="s">
        <v>541</v>
      </c>
      <c r="B108" s="150">
        <v>94</v>
      </c>
      <c r="C108" s="154">
        <v>8.917950546220664E-2</v>
      </c>
      <c r="D108" s="92">
        <v>6.2179062072990079E-2</v>
      </c>
      <c r="E108" s="154">
        <v>0.10915179851683822</v>
      </c>
      <c r="F108" s="92">
        <v>6.6839307379617921E-2</v>
      </c>
      <c r="G108" s="154">
        <v>0.80166869602095536</v>
      </c>
      <c r="H108" s="92">
        <v>8.2381215862329285E-2</v>
      </c>
      <c r="I108" s="150">
        <v>75</v>
      </c>
      <c r="J108" s="154">
        <v>0.20534904531558026</v>
      </c>
      <c r="K108" s="92">
        <v>9.3253446263457968E-2</v>
      </c>
      <c r="L108" s="154">
        <v>4.1638702559199006E-2</v>
      </c>
      <c r="M108" s="92">
        <v>5.5411808380028169E-2</v>
      </c>
      <c r="N108" s="154">
        <v>0.7530122521252206</v>
      </c>
      <c r="O108" s="92">
        <v>9.8675593511498808E-2</v>
      </c>
      <c r="P108" s="150">
        <v>76</v>
      </c>
      <c r="Q108" s="154">
        <v>0.10741102590512977</v>
      </c>
      <c r="R108" s="92">
        <v>7.4465157094030024E-2</v>
      </c>
      <c r="S108" s="154">
        <v>4.5891001595426667E-2</v>
      </c>
      <c r="T108" s="92">
        <v>5.6520340743450796E-2</v>
      </c>
      <c r="U108" s="154">
        <v>0.84669797249944367</v>
      </c>
      <c r="V108" s="92">
        <v>8.4118953146113104E-2</v>
      </c>
    </row>
    <row r="109" spans="1:22" ht="25.5">
      <c r="A109" s="52" t="s">
        <v>549</v>
      </c>
      <c r="B109" s="149">
        <v>53</v>
      </c>
      <c r="C109" s="153">
        <v>0.22402758201109627</v>
      </c>
      <c r="D109" s="89">
        <v>0.11367957288387082</v>
      </c>
      <c r="E109" s="153">
        <v>0.10048356940374903</v>
      </c>
      <c r="F109" s="89">
        <v>8.8655639156107566E-2</v>
      </c>
      <c r="G109" s="153">
        <v>0.67548884858515523</v>
      </c>
      <c r="H109" s="89">
        <v>0.12520139492403398</v>
      </c>
      <c r="I109" s="149">
        <v>44</v>
      </c>
      <c r="J109" s="153">
        <v>0.22005051475474852</v>
      </c>
      <c r="K109" s="89">
        <v>0.12387695174262504</v>
      </c>
      <c r="L109" s="153">
        <v>0.1921482833478099</v>
      </c>
      <c r="M109" s="89">
        <v>0.11915138253545404</v>
      </c>
      <c r="N109" s="153">
        <v>0.58780120189744156</v>
      </c>
      <c r="O109" s="89">
        <v>0.14245533092605894</v>
      </c>
      <c r="P109" s="149">
        <v>44</v>
      </c>
      <c r="Q109" s="153">
        <v>0.14196482467414934</v>
      </c>
      <c r="R109" s="89">
        <v>0.10889041701226096</v>
      </c>
      <c r="S109" s="153">
        <v>0.11236551144936908</v>
      </c>
      <c r="T109" s="89">
        <v>0.10154614867694856</v>
      </c>
      <c r="U109" s="153">
        <v>0.7456696638764817</v>
      </c>
      <c r="V109" s="89">
        <v>0.12886886899943131</v>
      </c>
    </row>
    <row r="110" spans="1:22">
      <c r="A110" s="44" t="s">
        <v>543</v>
      </c>
      <c r="B110" s="150">
        <v>63</v>
      </c>
      <c r="C110" s="154">
        <v>0.12328974165674769</v>
      </c>
      <c r="D110" s="92">
        <v>8.6223633302556363E-2</v>
      </c>
      <c r="E110" s="154">
        <v>5.8036697698049908E-2</v>
      </c>
      <c r="F110" s="92">
        <v>6.7931219279357219E-2</v>
      </c>
      <c r="G110" s="154">
        <v>0.81867356064520269</v>
      </c>
      <c r="H110" s="92">
        <v>9.7799951842898233E-2</v>
      </c>
      <c r="I110" s="150">
        <v>43</v>
      </c>
      <c r="J110" s="154">
        <v>0.15028733199703873</v>
      </c>
      <c r="K110" s="92">
        <v>0.11209117464090217</v>
      </c>
      <c r="L110" s="154">
        <v>0</v>
      </c>
      <c r="M110" s="92">
        <v>5.8884970725247981E-2</v>
      </c>
      <c r="N110" s="154">
        <v>0.84971266800296152</v>
      </c>
      <c r="O110" s="92">
        <v>0.11209117464090214</v>
      </c>
      <c r="P110" s="150">
        <v>56</v>
      </c>
      <c r="Q110" s="154">
        <v>0.10444286308581192</v>
      </c>
      <c r="R110" s="92">
        <v>8.7063658415795026E-2</v>
      </c>
      <c r="S110" s="154">
        <v>2.1678791815629914E-2</v>
      </c>
      <c r="T110" s="92">
        <v>5.8136312545996958E-2</v>
      </c>
      <c r="U110" s="154">
        <v>0.87387834509855811</v>
      </c>
      <c r="V110" s="92">
        <v>9.2459619503959464E-2</v>
      </c>
    </row>
    <row r="111" spans="1:22">
      <c r="A111" s="52" t="s">
        <v>544</v>
      </c>
      <c r="B111" s="149">
        <v>96</v>
      </c>
      <c r="C111" s="153">
        <v>0.15242659086153393</v>
      </c>
      <c r="D111" s="89">
        <v>7.4475234970959606E-2</v>
      </c>
      <c r="E111" s="153">
        <v>6.2685528950912034E-2</v>
      </c>
      <c r="F111" s="89">
        <v>5.4313747366069136E-2</v>
      </c>
      <c r="G111" s="153">
        <v>0.78488788018755362</v>
      </c>
      <c r="H111" s="89">
        <v>8.3714258354862875E-2</v>
      </c>
      <c r="I111" s="149">
        <v>75</v>
      </c>
      <c r="J111" s="153">
        <v>0.17540441375203425</v>
      </c>
      <c r="K111" s="89">
        <v>8.8600136697555093E-2</v>
      </c>
      <c r="L111" s="153">
        <v>4.3439088038972173E-2</v>
      </c>
      <c r="M111" s="89">
        <v>5.6086001905701247E-2</v>
      </c>
      <c r="N111" s="153">
        <v>0.78115649820899369</v>
      </c>
      <c r="O111" s="89">
        <v>9.5135699472190305E-2</v>
      </c>
      <c r="P111" s="149">
        <v>94</v>
      </c>
      <c r="Q111" s="153">
        <v>0.15588457387400878</v>
      </c>
      <c r="R111" s="89">
        <v>7.5876877197649975E-2</v>
      </c>
      <c r="S111" s="153">
        <v>6.7962563720786559E-2</v>
      </c>
      <c r="T111" s="89">
        <v>5.6521602182102268E-2</v>
      </c>
      <c r="U111" s="153">
        <v>0.7761528624052042</v>
      </c>
      <c r="V111" s="89">
        <v>8.567567890165638E-2</v>
      </c>
    </row>
    <row r="112" spans="1:22">
      <c r="A112" s="44" t="s">
        <v>545</v>
      </c>
      <c r="B112" s="150">
        <v>97</v>
      </c>
      <c r="C112" s="154">
        <v>0.13473104988773277</v>
      </c>
      <c r="D112" s="92">
        <v>7.0902906215416672E-2</v>
      </c>
      <c r="E112" s="154">
        <v>0.18323621391872749</v>
      </c>
      <c r="F112" s="92">
        <v>7.8966339816406411E-2</v>
      </c>
      <c r="G112" s="154">
        <v>0.68203273619353966</v>
      </c>
      <c r="H112" s="92">
        <v>9.3223193738518478E-2</v>
      </c>
      <c r="I112" s="150">
        <v>79</v>
      </c>
      <c r="J112" s="154">
        <v>0.2327167914403199</v>
      </c>
      <c r="K112" s="92">
        <v>9.4494106800507738E-2</v>
      </c>
      <c r="L112" s="154">
        <v>0.15378392938955621</v>
      </c>
      <c r="M112" s="92">
        <v>8.2552457863221324E-2</v>
      </c>
      <c r="N112" s="154">
        <v>0.61349927917012337</v>
      </c>
      <c r="O112" s="92">
        <v>0.10717166531333505</v>
      </c>
      <c r="P112" s="150">
        <v>86</v>
      </c>
      <c r="Q112" s="154">
        <v>0.10098856773836368</v>
      </c>
      <c r="R112" s="92">
        <v>6.8191690185358936E-2</v>
      </c>
      <c r="S112" s="154">
        <v>0.14651403786358877</v>
      </c>
      <c r="T112" s="92">
        <v>7.7719646746946244E-2</v>
      </c>
      <c r="U112" s="154">
        <v>0.75249739439804741</v>
      </c>
      <c r="V112" s="92">
        <v>9.2324604980951394E-2</v>
      </c>
    </row>
    <row r="119" spans="1:4" ht="18.75">
      <c r="A119" s="335" t="s">
        <v>4</v>
      </c>
      <c r="B119" s="335"/>
      <c r="C119" s="335"/>
      <c r="D119" s="335"/>
    </row>
    <row r="120" spans="1:4" ht="138.75" customHeight="1">
      <c r="A120" s="371" t="s">
        <v>382</v>
      </c>
      <c r="B120" s="370"/>
      <c r="C120" s="370"/>
      <c r="D120" s="370"/>
    </row>
    <row r="121" spans="1:4" ht="41.25" customHeight="1">
      <c r="A121" s="372" t="s">
        <v>383</v>
      </c>
      <c r="B121" s="373"/>
      <c r="C121" s="373"/>
      <c r="D121" s="373"/>
    </row>
    <row r="122" spans="1:4" ht="72">
      <c r="A122" s="32" t="s">
        <v>71</v>
      </c>
      <c r="B122" s="33" t="s">
        <v>72</v>
      </c>
      <c r="C122" s="34" t="s">
        <v>584</v>
      </c>
      <c r="D122" s="35" t="s">
        <v>73</v>
      </c>
    </row>
    <row r="123" spans="1:4" ht="108">
      <c r="A123" s="36"/>
      <c r="B123" s="37" t="s">
        <v>74</v>
      </c>
      <c r="C123" s="38" t="s">
        <v>384</v>
      </c>
      <c r="D123" s="39" t="s">
        <v>76</v>
      </c>
    </row>
    <row r="124" spans="1:4">
      <c r="A124" s="40" t="s">
        <v>350</v>
      </c>
      <c r="B124" s="78">
        <v>12672</v>
      </c>
      <c r="C124" s="79">
        <v>4.3322968797313424</v>
      </c>
      <c r="D124" s="80">
        <v>2.3528368041419931E-2</v>
      </c>
    </row>
    <row r="125" spans="1:4">
      <c r="A125" s="44" t="s">
        <v>351</v>
      </c>
      <c r="B125" s="112">
        <v>9414</v>
      </c>
      <c r="C125" s="113">
        <v>4.3457102995732457</v>
      </c>
      <c r="D125" s="114">
        <v>2.7090466565666174E-2</v>
      </c>
    </row>
    <row r="126" spans="1:4">
      <c r="A126" s="40" t="s">
        <v>352</v>
      </c>
      <c r="B126" s="78">
        <v>3258</v>
      </c>
      <c r="C126" s="79">
        <v>4.3211313247473422</v>
      </c>
      <c r="D126" s="80">
        <v>4.7156791440410843E-2</v>
      </c>
    </row>
    <row r="127" spans="1:4">
      <c r="A127" s="44" t="s">
        <v>534</v>
      </c>
      <c r="B127" s="112">
        <v>1531</v>
      </c>
      <c r="C127" s="113">
        <v>4.2151369752181402</v>
      </c>
      <c r="D127" s="114">
        <v>6.7136752102133587E-2</v>
      </c>
    </row>
    <row r="128" spans="1:4">
      <c r="A128" s="40" t="s">
        <v>535</v>
      </c>
      <c r="B128" s="78">
        <v>859</v>
      </c>
      <c r="C128" s="79">
        <v>4.4256562380505216</v>
      </c>
      <c r="D128" s="80">
        <v>8.6396834048617588E-2</v>
      </c>
    </row>
    <row r="129" spans="1:4">
      <c r="A129" s="44" t="s">
        <v>536</v>
      </c>
      <c r="B129" s="112">
        <v>184</v>
      </c>
      <c r="C129" s="113">
        <v>4.5228618932065325</v>
      </c>
      <c r="D129" s="114">
        <v>0.18786761899456328</v>
      </c>
    </row>
    <row r="130" spans="1:4">
      <c r="A130" s="40" t="s">
        <v>537</v>
      </c>
      <c r="B130" s="78">
        <v>69</v>
      </c>
      <c r="C130" s="79">
        <v>4.5394381876986625</v>
      </c>
      <c r="D130" s="80">
        <v>0.33401540481547826</v>
      </c>
    </row>
    <row r="131" spans="1:4">
      <c r="A131" s="44" t="s">
        <v>546</v>
      </c>
      <c r="B131" s="112">
        <v>678</v>
      </c>
      <c r="C131" s="113">
        <v>4.1214757923119825</v>
      </c>
      <c r="D131" s="114">
        <v>0.10376734853217119</v>
      </c>
    </row>
    <row r="132" spans="1:4">
      <c r="A132" s="40" t="s">
        <v>547</v>
      </c>
      <c r="B132" s="78">
        <v>100</v>
      </c>
      <c r="C132" s="79">
        <v>4.1163992777463685</v>
      </c>
      <c r="D132" s="80">
        <v>0.26372618320559882</v>
      </c>
    </row>
    <row r="133" spans="1:4">
      <c r="A133" s="44" t="s">
        <v>548</v>
      </c>
      <c r="B133" s="112">
        <v>88</v>
      </c>
      <c r="C133" s="113">
        <v>4.3401304412805608</v>
      </c>
      <c r="D133" s="114">
        <v>0.24164733560544346</v>
      </c>
    </row>
    <row r="134" spans="1:4">
      <c r="A134" s="40" t="s">
        <v>538</v>
      </c>
      <c r="B134" s="109">
        <v>116</v>
      </c>
      <c r="C134" s="110">
        <v>4.4283801096682831</v>
      </c>
      <c r="D134" s="111">
        <v>0.24263281385659571</v>
      </c>
    </row>
    <row r="135" spans="1:4">
      <c r="A135" s="44" t="s">
        <v>539</v>
      </c>
      <c r="B135" s="112">
        <v>89</v>
      </c>
      <c r="C135" s="113">
        <v>4.3463299584476269</v>
      </c>
      <c r="D135" s="114">
        <v>0.27039425076508039</v>
      </c>
    </row>
    <row r="136" spans="1:4">
      <c r="A136" s="40" t="s">
        <v>540</v>
      </c>
      <c r="B136" s="78">
        <v>241</v>
      </c>
      <c r="C136" s="79">
        <v>4.4294316942233989</v>
      </c>
      <c r="D136" s="80">
        <v>0.15094992874686322</v>
      </c>
    </row>
    <row r="137" spans="1:4" ht="25.5">
      <c r="A137" s="44" t="s">
        <v>541</v>
      </c>
      <c r="B137" s="112">
        <v>106</v>
      </c>
      <c r="C137" s="113">
        <v>4.6118615670550493</v>
      </c>
      <c r="D137" s="114">
        <v>0.2290257060244876</v>
      </c>
    </row>
    <row r="138" spans="1:4" ht="25.5">
      <c r="A138" s="52" t="s">
        <v>549</v>
      </c>
      <c r="B138" s="109">
        <v>64</v>
      </c>
      <c r="C138" s="110">
        <v>4.2006254417799687</v>
      </c>
      <c r="D138" s="111">
        <v>0.29996325006388519</v>
      </c>
    </row>
    <row r="139" spans="1:4">
      <c r="A139" s="44" t="s">
        <v>543</v>
      </c>
      <c r="B139" s="112">
        <v>71</v>
      </c>
      <c r="C139" s="113">
        <v>4.3275544451834804</v>
      </c>
      <c r="D139" s="114">
        <v>0.267703038034667</v>
      </c>
    </row>
    <row r="140" spans="1:4">
      <c r="A140" s="52" t="s">
        <v>544</v>
      </c>
      <c r="B140" s="109">
        <v>109</v>
      </c>
      <c r="C140" s="110">
        <v>4.2943760303593601</v>
      </c>
      <c r="D140" s="111">
        <v>0.26119921046033706</v>
      </c>
    </row>
    <row r="141" spans="1:4">
      <c r="A141" s="44" t="s">
        <v>545</v>
      </c>
      <c r="B141" s="112">
        <v>115</v>
      </c>
      <c r="C141" s="113">
        <v>4.4732659792397431</v>
      </c>
      <c r="D141" s="114">
        <v>0.25958462117225622</v>
      </c>
    </row>
    <row r="148" spans="1:28" ht="18.75">
      <c r="A148" s="335" t="s">
        <v>501</v>
      </c>
      <c r="B148" s="335"/>
      <c r="C148" s="335"/>
      <c r="D148" s="335"/>
      <c r="E148" s="335"/>
      <c r="F148" s="335"/>
      <c r="G148" s="335"/>
      <c r="H148" s="335"/>
      <c r="I148" s="335"/>
      <c r="J148" s="335"/>
      <c r="K148" s="335"/>
      <c r="L148" s="335"/>
      <c r="M148" s="335"/>
      <c r="N148" s="335"/>
      <c r="O148" s="335"/>
      <c r="P148" s="335"/>
      <c r="Q148" s="335"/>
      <c r="R148" s="335"/>
      <c r="S148" s="335"/>
      <c r="T148" s="335"/>
      <c r="U148" s="335"/>
      <c r="V148" s="335"/>
      <c r="W148" s="335"/>
      <c r="X148" s="335"/>
      <c r="Y148" s="335"/>
      <c r="Z148" s="335"/>
      <c r="AA148" s="335"/>
      <c r="AB148" s="335"/>
    </row>
    <row r="149" spans="1:28" ht="72.75" customHeight="1">
      <c r="A149" s="389" t="s">
        <v>591</v>
      </c>
      <c r="B149" s="389"/>
      <c r="C149" s="389"/>
      <c r="D149" s="389"/>
      <c r="E149" s="389"/>
      <c r="F149" s="389"/>
      <c r="G149" s="389"/>
      <c r="H149" s="389"/>
      <c r="I149" s="389"/>
      <c r="J149" s="389"/>
      <c r="K149" s="389"/>
      <c r="L149" s="389"/>
      <c r="M149" s="389"/>
      <c r="N149" s="389"/>
      <c r="O149" s="389"/>
      <c r="P149" s="389"/>
      <c r="Q149" s="389"/>
      <c r="R149" s="389"/>
      <c r="S149" s="389"/>
      <c r="T149" s="389"/>
      <c r="U149" s="389"/>
      <c r="V149" s="389"/>
      <c r="W149" s="389"/>
      <c r="X149" s="389"/>
      <c r="Y149" s="389"/>
      <c r="Z149" s="389"/>
      <c r="AA149" s="389"/>
      <c r="AB149" s="389"/>
    </row>
    <row r="150" spans="1:28" ht="40.5" customHeight="1">
      <c r="A150" s="289"/>
      <c r="B150" s="396" t="s">
        <v>385</v>
      </c>
      <c r="C150" s="397"/>
      <c r="D150" s="397"/>
      <c r="E150" s="397"/>
      <c r="F150" s="397"/>
      <c r="G150" s="397"/>
      <c r="H150" s="397"/>
      <c r="I150" s="397"/>
      <c r="J150" s="401"/>
      <c r="K150" s="364" t="s">
        <v>386</v>
      </c>
      <c r="L150" s="365"/>
      <c r="M150" s="365"/>
      <c r="N150" s="365"/>
      <c r="O150" s="365"/>
      <c r="P150" s="365"/>
      <c r="Q150" s="365"/>
      <c r="R150" s="365"/>
      <c r="S150" s="366"/>
      <c r="T150" s="396" t="s">
        <v>121</v>
      </c>
      <c r="U150" s="397"/>
      <c r="V150" s="397"/>
      <c r="W150" s="397"/>
      <c r="X150" s="397"/>
      <c r="Y150" s="397"/>
      <c r="Z150" s="397"/>
      <c r="AA150" s="397"/>
      <c r="AB150" s="397"/>
    </row>
    <row r="151" spans="1:28" ht="72">
      <c r="A151" s="32" t="s">
        <v>71</v>
      </c>
      <c r="B151" s="33" t="s">
        <v>72</v>
      </c>
      <c r="C151" s="33" t="s">
        <v>156</v>
      </c>
      <c r="D151" s="84" t="s">
        <v>85</v>
      </c>
      <c r="E151" s="33" t="s">
        <v>157</v>
      </c>
      <c r="F151" s="84" t="s">
        <v>86</v>
      </c>
      <c r="G151" s="33" t="s">
        <v>158</v>
      </c>
      <c r="H151" s="84" t="s">
        <v>87</v>
      </c>
      <c r="I151" s="33" t="s">
        <v>301</v>
      </c>
      <c r="J151" s="84" t="s">
        <v>300</v>
      </c>
      <c r="K151" s="60" t="s">
        <v>72</v>
      </c>
      <c r="L151" s="60" t="s">
        <v>156</v>
      </c>
      <c r="M151" s="83" t="s">
        <v>85</v>
      </c>
      <c r="N151" s="60" t="s">
        <v>157</v>
      </c>
      <c r="O151" s="83" t="s">
        <v>86</v>
      </c>
      <c r="P151" s="60" t="s">
        <v>158</v>
      </c>
      <c r="Q151" s="83" t="s">
        <v>87</v>
      </c>
      <c r="R151" s="60" t="s">
        <v>301</v>
      </c>
      <c r="S151" s="83" t="s">
        <v>300</v>
      </c>
      <c r="T151" s="33" t="s">
        <v>72</v>
      </c>
      <c r="U151" s="33" t="s">
        <v>156</v>
      </c>
      <c r="V151" s="84" t="s">
        <v>85</v>
      </c>
      <c r="W151" s="33" t="s">
        <v>157</v>
      </c>
      <c r="X151" s="84" t="s">
        <v>86</v>
      </c>
      <c r="Y151" s="33" t="s">
        <v>158</v>
      </c>
      <c r="Z151" s="84" t="s">
        <v>87</v>
      </c>
      <c r="AA151" s="33" t="s">
        <v>301</v>
      </c>
      <c r="AB151" s="84" t="s">
        <v>300</v>
      </c>
    </row>
    <row r="152" spans="1:28" ht="72">
      <c r="A152" s="36"/>
      <c r="B152" s="37" t="s">
        <v>74</v>
      </c>
      <c r="C152" s="37" t="s">
        <v>159</v>
      </c>
      <c r="D152" s="86" t="s">
        <v>88</v>
      </c>
      <c r="E152" s="37" t="s">
        <v>160</v>
      </c>
      <c r="F152" s="86" t="s">
        <v>88</v>
      </c>
      <c r="G152" s="37" t="s">
        <v>161</v>
      </c>
      <c r="H152" s="86" t="s">
        <v>88</v>
      </c>
      <c r="I152" s="37" t="s">
        <v>301</v>
      </c>
      <c r="J152" s="86" t="s">
        <v>88</v>
      </c>
      <c r="K152" s="63" t="s">
        <v>74</v>
      </c>
      <c r="L152" s="63" t="s">
        <v>159</v>
      </c>
      <c r="M152" s="85" t="s">
        <v>88</v>
      </c>
      <c r="N152" s="63" t="s">
        <v>160</v>
      </c>
      <c r="O152" s="85" t="s">
        <v>88</v>
      </c>
      <c r="P152" s="63" t="s">
        <v>161</v>
      </c>
      <c r="Q152" s="85" t="s">
        <v>88</v>
      </c>
      <c r="R152" s="63" t="s">
        <v>301</v>
      </c>
      <c r="S152" s="85" t="s">
        <v>88</v>
      </c>
      <c r="T152" s="37" t="s">
        <v>74</v>
      </c>
      <c r="U152" s="37" t="s">
        <v>159</v>
      </c>
      <c r="V152" s="86" t="s">
        <v>88</v>
      </c>
      <c r="W152" s="37" t="s">
        <v>160</v>
      </c>
      <c r="X152" s="86" t="s">
        <v>88</v>
      </c>
      <c r="Y152" s="37" t="s">
        <v>161</v>
      </c>
      <c r="Z152" s="86" t="s">
        <v>88</v>
      </c>
      <c r="AA152" s="37" t="s">
        <v>301</v>
      </c>
      <c r="AB152" s="86" t="s">
        <v>88</v>
      </c>
    </row>
    <row r="153" spans="1:28">
      <c r="A153" s="40" t="s">
        <v>350</v>
      </c>
      <c r="B153" s="155">
        <v>13916</v>
      </c>
      <c r="C153" s="158">
        <v>0.24721018413503079</v>
      </c>
      <c r="D153" s="89">
        <v>7.3134663503884997E-3</v>
      </c>
      <c r="E153" s="158">
        <v>0.22996751196457071</v>
      </c>
      <c r="F153" s="89">
        <v>7.1342696510420254E-3</v>
      </c>
      <c r="G153" s="158">
        <v>0.35734181830937645</v>
      </c>
      <c r="H153" s="89">
        <v>8.1236906583958182E-3</v>
      </c>
      <c r="I153" s="158">
        <v>0.16548048559104037</v>
      </c>
      <c r="J153" s="89">
        <v>6.3009075583273259E-3</v>
      </c>
      <c r="K153" s="155">
        <v>13906</v>
      </c>
      <c r="L153" s="158">
        <v>0.28691101869081054</v>
      </c>
      <c r="M153" s="89">
        <v>7.6707816144096089E-3</v>
      </c>
      <c r="N153" s="158">
        <v>0.20739565521860365</v>
      </c>
      <c r="O153" s="89">
        <v>6.8763743112210335E-3</v>
      </c>
      <c r="P153" s="158">
        <v>0.38105482308155841</v>
      </c>
      <c r="Q153" s="89">
        <v>8.2355715377953418E-3</v>
      </c>
      <c r="R153" s="158">
        <v>0.12463850300904504</v>
      </c>
      <c r="S153" s="89">
        <v>5.6033462323828937E-3</v>
      </c>
      <c r="T153" s="155">
        <v>13917</v>
      </c>
      <c r="U153" s="158">
        <v>0.21139065422020736</v>
      </c>
      <c r="V153" s="89">
        <v>6.9219899392000787E-3</v>
      </c>
      <c r="W153" s="158">
        <v>0.20220173619447673</v>
      </c>
      <c r="X153" s="89">
        <v>6.8092980540401995E-3</v>
      </c>
      <c r="Y153" s="158">
        <v>0.51742917611998085</v>
      </c>
      <c r="Z153" s="89">
        <v>8.4703414568206813E-3</v>
      </c>
      <c r="AA153" s="158">
        <v>6.8978433465351083E-2</v>
      </c>
      <c r="AB153" s="89">
        <v>4.2992426218196574E-3</v>
      </c>
    </row>
    <row r="154" spans="1:28">
      <c r="A154" s="44" t="s">
        <v>351</v>
      </c>
      <c r="B154" s="44">
        <v>10183</v>
      </c>
      <c r="C154" s="157">
        <v>0.27559647530717357</v>
      </c>
      <c r="D154" s="92">
        <v>8.8547631711577007E-3</v>
      </c>
      <c r="E154" s="157">
        <v>0.22433185166138178</v>
      </c>
      <c r="F154" s="92">
        <v>8.2673198233641793E-3</v>
      </c>
      <c r="G154" s="157">
        <v>0.33736109628042987</v>
      </c>
      <c r="H154" s="92">
        <v>9.3694258840044328E-3</v>
      </c>
      <c r="I154" s="157">
        <v>0.16271057675101472</v>
      </c>
      <c r="J154" s="92">
        <v>7.3163565765839728E-3</v>
      </c>
      <c r="K154" s="44">
        <v>10184</v>
      </c>
      <c r="L154" s="157">
        <v>0.29351436557063271</v>
      </c>
      <c r="M154" s="92">
        <v>9.0237473170164326E-3</v>
      </c>
      <c r="N154" s="157">
        <v>0.20480254938895326</v>
      </c>
      <c r="O154" s="92">
        <v>7.9980091389078491E-3</v>
      </c>
      <c r="P154" s="157">
        <v>0.39238496392138006</v>
      </c>
      <c r="Q154" s="92">
        <v>9.675295609665107E-3</v>
      </c>
      <c r="R154" s="157">
        <v>0.10929812111903336</v>
      </c>
      <c r="S154" s="92">
        <v>6.1862177962088306E-3</v>
      </c>
      <c r="T154" s="44">
        <v>10198</v>
      </c>
      <c r="U154" s="157">
        <v>0.19149971417243938</v>
      </c>
      <c r="V154" s="92">
        <v>7.7932052455123111E-3</v>
      </c>
      <c r="W154" s="157">
        <v>0.18567288530772813</v>
      </c>
      <c r="X154" s="92">
        <v>7.7014454935054938E-3</v>
      </c>
      <c r="Y154" s="157">
        <v>0.57126389116641652</v>
      </c>
      <c r="Z154" s="92">
        <v>9.7995082758462974E-3</v>
      </c>
      <c r="AA154" s="157">
        <v>5.1563509353409941E-2</v>
      </c>
      <c r="AB154" s="92">
        <v>4.385929178221234E-3</v>
      </c>
    </row>
    <row r="155" spans="1:28">
      <c r="A155" s="40" t="s">
        <v>352</v>
      </c>
      <c r="B155" s="48">
        <v>3733</v>
      </c>
      <c r="C155" s="158">
        <v>0.22436427846585125</v>
      </c>
      <c r="D155" s="89">
        <v>1.3654536010558547E-2</v>
      </c>
      <c r="E155" s="158">
        <v>0.23450321417692144</v>
      </c>
      <c r="F155" s="89">
        <v>1.3867459099300268E-2</v>
      </c>
      <c r="G155" s="158">
        <v>0.37342273877576271</v>
      </c>
      <c r="H155" s="89">
        <v>1.5826611940870993E-2</v>
      </c>
      <c r="I155" s="158">
        <v>0.16770976858146525</v>
      </c>
      <c r="J155" s="89">
        <v>1.2233542717730169E-2</v>
      </c>
      <c r="K155" s="48">
        <v>3722</v>
      </c>
      <c r="L155" s="158">
        <v>0.28157369485150868</v>
      </c>
      <c r="M155" s="89">
        <v>1.474027536895622E-2</v>
      </c>
      <c r="N155" s="158">
        <v>0.20949159926246991</v>
      </c>
      <c r="O155" s="89">
        <v>1.3340818127827088E-2</v>
      </c>
      <c r="P155" s="158">
        <v>0.37189694724866146</v>
      </c>
      <c r="Q155" s="89">
        <v>1.583682301739725E-2</v>
      </c>
      <c r="R155" s="158">
        <v>0.13703775863736017</v>
      </c>
      <c r="S155" s="89">
        <v>1.1280882632758426E-2</v>
      </c>
      <c r="T155" s="48">
        <v>3719</v>
      </c>
      <c r="U155" s="158">
        <v>0.22746135889376895</v>
      </c>
      <c r="V155" s="89">
        <v>1.3746572773353843E-2</v>
      </c>
      <c r="W155" s="158">
        <v>0.21555607141223795</v>
      </c>
      <c r="X155" s="89">
        <v>1.3485516721737577E-2</v>
      </c>
      <c r="Y155" s="158">
        <v>0.47393390618202474</v>
      </c>
      <c r="Z155" s="89">
        <v>1.6366800707834434E-2</v>
      </c>
      <c r="AA155" s="158">
        <v>8.3048663511969767E-2</v>
      </c>
      <c r="AB155" s="89">
        <v>9.0674464806340636E-3</v>
      </c>
    </row>
    <row r="156" spans="1:28">
      <c r="A156" s="44" t="s">
        <v>534</v>
      </c>
      <c r="B156" s="44">
        <v>1697</v>
      </c>
      <c r="C156" s="157">
        <v>0.25358480523019544</v>
      </c>
      <c r="D156" s="92">
        <v>2.1113327163743555E-2</v>
      </c>
      <c r="E156" s="157">
        <v>0.23432265053614795</v>
      </c>
      <c r="F156" s="92">
        <v>2.055932312243142E-2</v>
      </c>
      <c r="G156" s="157">
        <v>0.3470312258672727</v>
      </c>
      <c r="H156" s="92">
        <v>2.3089452358767339E-2</v>
      </c>
      <c r="I156" s="157">
        <v>0.1650613183663841</v>
      </c>
      <c r="J156" s="92">
        <v>1.8036677842116738E-2</v>
      </c>
      <c r="K156" s="44">
        <v>1695</v>
      </c>
      <c r="L156" s="157">
        <v>0.30769804197493261</v>
      </c>
      <c r="M156" s="92">
        <v>2.2403747590950172E-2</v>
      </c>
      <c r="N156" s="157">
        <v>0.21854654160462295</v>
      </c>
      <c r="O156" s="92">
        <v>2.0073819769275945E-2</v>
      </c>
      <c r="P156" s="157">
        <v>0.34071727999831486</v>
      </c>
      <c r="Q156" s="92">
        <v>2.300284485432335E-2</v>
      </c>
      <c r="R156" s="157">
        <v>0.13303813642212961</v>
      </c>
      <c r="S156" s="92">
        <v>1.6523820615475554E-2</v>
      </c>
      <c r="T156" s="44">
        <v>1695</v>
      </c>
      <c r="U156" s="157">
        <v>0.22696834970496446</v>
      </c>
      <c r="V156" s="92">
        <v>2.0344549344981405E-2</v>
      </c>
      <c r="W156" s="157">
        <v>0.19587611984403355</v>
      </c>
      <c r="X156" s="92">
        <v>1.9283435445365375E-2</v>
      </c>
      <c r="Y156" s="157">
        <v>0.50121184250184392</v>
      </c>
      <c r="Z156" s="92">
        <v>2.4260628131332521E-2</v>
      </c>
      <c r="AA156" s="157">
        <v>7.5943687949158095E-2</v>
      </c>
      <c r="AB156" s="92">
        <v>1.2930927559597814E-2</v>
      </c>
    </row>
    <row r="157" spans="1:28">
      <c r="A157" s="40" t="s">
        <v>535</v>
      </c>
      <c r="B157" s="48">
        <v>922</v>
      </c>
      <c r="C157" s="158">
        <v>0.25920019622770879</v>
      </c>
      <c r="D157" s="89">
        <v>2.8837469546781184E-2</v>
      </c>
      <c r="E157" s="158">
        <v>0.22119455810068678</v>
      </c>
      <c r="F157" s="89">
        <v>2.7331864170742095E-2</v>
      </c>
      <c r="G157" s="158">
        <v>0.36928512018856657</v>
      </c>
      <c r="H157" s="89">
        <v>3.1729207636179937E-2</v>
      </c>
      <c r="I157" s="158">
        <v>0.15032012548303761</v>
      </c>
      <c r="J157" s="89">
        <v>2.3585521423097982E-2</v>
      </c>
      <c r="K157" s="48">
        <v>921</v>
      </c>
      <c r="L157" s="158">
        <v>0.26490688536964113</v>
      </c>
      <c r="M157" s="89">
        <v>2.9054148450833456E-2</v>
      </c>
      <c r="N157" s="158">
        <v>0.23835092560868079</v>
      </c>
      <c r="O157" s="89">
        <v>2.8064063409024401E-2</v>
      </c>
      <c r="P157" s="158">
        <v>0.4022317377063917</v>
      </c>
      <c r="Q157" s="89">
        <v>3.2250630492263205E-2</v>
      </c>
      <c r="R157" s="158">
        <v>9.4510451315286084E-2</v>
      </c>
      <c r="S157" s="89">
        <v>1.9395979233448706E-2</v>
      </c>
      <c r="T157" s="48">
        <v>924</v>
      </c>
      <c r="U157" s="158">
        <v>0.17358750647473822</v>
      </c>
      <c r="V157" s="89">
        <v>2.4945751222427259E-2</v>
      </c>
      <c r="W157" s="158">
        <v>0.17053862988658122</v>
      </c>
      <c r="X157" s="89">
        <v>2.4773884324331395E-2</v>
      </c>
      <c r="Y157" s="158">
        <v>0.61424210842158466</v>
      </c>
      <c r="Z157" s="89">
        <v>3.1965836359081047E-2</v>
      </c>
      <c r="AA157" s="158">
        <v>4.163175521709566E-2</v>
      </c>
      <c r="AB157" s="89">
        <v>1.3407709449521356E-2</v>
      </c>
    </row>
    <row r="158" spans="1:28">
      <c r="A158" s="44" t="s">
        <v>536</v>
      </c>
      <c r="B158" s="44">
        <v>196</v>
      </c>
      <c r="C158" s="157">
        <v>0.19986979627774187</v>
      </c>
      <c r="D158" s="92">
        <v>5.7181982324053061E-2</v>
      </c>
      <c r="E158" s="157">
        <v>0.25322434758168993</v>
      </c>
      <c r="F158" s="92">
        <v>6.1889150420655493E-2</v>
      </c>
      <c r="G158" s="157">
        <v>0.38547931631216964</v>
      </c>
      <c r="H158" s="92">
        <v>6.8906366395648538E-2</v>
      </c>
      <c r="I158" s="157">
        <v>0.161426539828398</v>
      </c>
      <c r="J158" s="92">
        <v>5.2897530904487108E-2</v>
      </c>
      <c r="K158" s="44">
        <v>197</v>
      </c>
      <c r="L158" s="157">
        <v>0.19905741854975975</v>
      </c>
      <c r="M158" s="92">
        <v>5.6954608789436957E-2</v>
      </c>
      <c r="N158" s="157">
        <v>0.2651736871380575</v>
      </c>
      <c r="O158" s="92">
        <v>6.2617773840491234E-2</v>
      </c>
      <c r="P158" s="157">
        <v>0.43522283222927738</v>
      </c>
      <c r="Q158" s="92">
        <v>6.9963638740894132E-2</v>
      </c>
      <c r="R158" s="157">
        <v>0.10054606208290488</v>
      </c>
      <c r="S158" s="92">
        <v>4.3873210271743832E-2</v>
      </c>
      <c r="T158" s="44">
        <v>197</v>
      </c>
      <c r="U158" s="157">
        <v>0.14706092698014719</v>
      </c>
      <c r="V158" s="92">
        <v>5.0930159810529819E-2</v>
      </c>
      <c r="W158" s="157">
        <v>0.17066345285577914</v>
      </c>
      <c r="X158" s="92">
        <v>5.3867610362642558E-2</v>
      </c>
      <c r="Y158" s="157">
        <v>0.63589698164845398</v>
      </c>
      <c r="Z158" s="92">
        <v>6.798591321277786E-2</v>
      </c>
      <c r="AA158" s="157">
        <v>4.6378638515619609E-2</v>
      </c>
      <c r="AB158" s="92">
        <v>3.2272506448265861E-2</v>
      </c>
    </row>
    <row r="159" spans="1:28">
      <c r="A159" s="40" t="s">
        <v>537</v>
      </c>
      <c r="B159" s="48">
        <v>73</v>
      </c>
      <c r="C159" s="158">
        <v>0.15941495191648244</v>
      </c>
      <c r="D159" s="89">
        <v>8.7011135509031223E-2</v>
      </c>
      <c r="E159" s="158">
        <v>0.26539032509281202</v>
      </c>
      <c r="F159" s="89">
        <v>0.10206399394117105</v>
      </c>
      <c r="G159" s="158">
        <v>0.42040570692111212</v>
      </c>
      <c r="H159" s="89">
        <v>0.11265528622341851</v>
      </c>
      <c r="I159" s="158">
        <v>0.15478901606959361</v>
      </c>
      <c r="J159" s="89">
        <v>8.6155747278414754E-2</v>
      </c>
      <c r="K159" s="48">
        <v>73</v>
      </c>
      <c r="L159" s="158">
        <v>0.20594488944079256</v>
      </c>
      <c r="M159" s="89">
        <v>9.4602923818901966E-2</v>
      </c>
      <c r="N159" s="158">
        <v>0.24271208628055713</v>
      </c>
      <c r="O159" s="89">
        <v>9.9479661238306302E-2</v>
      </c>
      <c r="P159" s="158">
        <v>0.48129928189657389</v>
      </c>
      <c r="Q159" s="89">
        <v>0.11388891229465295</v>
      </c>
      <c r="R159" s="158">
        <v>7.0043742382076501E-2</v>
      </c>
      <c r="S159" s="89">
        <v>6.5996941403904538E-2</v>
      </c>
      <c r="T159" s="48">
        <v>73</v>
      </c>
      <c r="U159" s="158">
        <v>0.17004211867127325</v>
      </c>
      <c r="V159" s="89">
        <v>8.8902512424417657E-2</v>
      </c>
      <c r="W159" s="158">
        <v>0.14696221300889808</v>
      </c>
      <c r="X159" s="89">
        <v>8.4661937524629832E-2</v>
      </c>
      <c r="Y159" s="158">
        <v>0.64570371635974855</v>
      </c>
      <c r="Z159" s="89">
        <v>0.10952525815056502</v>
      </c>
      <c r="AA159" s="158">
        <v>3.7291951960080297E-2</v>
      </c>
      <c r="AB159" s="89">
        <v>5.4685651909651668E-2</v>
      </c>
    </row>
    <row r="160" spans="1:28">
      <c r="A160" s="44" t="s">
        <v>546</v>
      </c>
      <c r="B160" s="44">
        <v>783</v>
      </c>
      <c r="C160" s="157">
        <v>0.24972732884526411</v>
      </c>
      <c r="D160" s="92">
        <v>3.0911496621490814E-2</v>
      </c>
      <c r="E160" s="157">
        <v>0.24036289606472447</v>
      </c>
      <c r="F160" s="92">
        <v>3.0520439744374593E-2</v>
      </c>
      <c r="G160" s="157">
        <v>0.33683150253999861</v>
      </c>
      <c r="H160" s="92">
        <v>3.3715001891339663E-2</v>
      </c>
      <c r="I160" s="157">
        <v>0.17307827255001537</v>
      </c>
      <c r="J160" s="92">
        <v>2.7072856276316459E-2</v>
      </c>
      <c r="K160" s="44">
        <v>781</v>
      </c>
      <c r="L160" s="157">
        <v>0.32522081329246816</v>
      </c>
      <c r="M160" s="92">
        <v>3.3463565701296799E-2</v>
      </c>
      <c r="N160" s="157">
        <v>0.20905207994189509</v>
      </c>
      <c r="O160" s="92">
        <v>2.9102042488414616E-2</v>
      </c>
      <c r="P160" s="157">
        <v>0.31574954721538773</v>
      </c>
      <c r="Q160" s="92">
        <v>3.3206311917434797E-2</v>
      </c>
      <c r="R160" s="157">
        <v>0.14997755955025155</v>
      </c>
      <c r="S160" s="92">
        <v>2.5611470146398221E-2</v>
      </c>
      <c r="T160" s="44">
        <v>779</v>
      </c>
      <c r="U160" s="157">
        <v>0.24936544574866243</v>
      </c>
      <c r="V160" s="92">
        <v>3.097582761398061E-2</v>
      </c>
      <c r="W160" s="157">
        <v>0.20559586191678883</v>
      </c>
      <c r="X160" s="92">
        <v>2.896331387671754E-2</v>
      </c>
      <c r="Y160" s="157">
        <v>0.45408542810719432</v>
      </c>
      <c r="Z160" s="92">
        <v>3.5587629421685738E-2</v>
      </c>
      <c r="AA160" s="157">
        <v>9.0953264227355959E-2</v>
      </c>
      <c r="AB160" s="92">
        <v>2.0762713531469842E-2</v>
      </c>
    </row>
    <row r="161" spans="1:28">
      <c r="A161" s="40" t="s">
        <v>547</v>
      </c>
      <c r="B161" s="48">
        <v>127</v>
      </c>
      <c r="C161" s="158">
        <v>0.2401710803260847</v>
      </c>
      <c r="D161" s="89">
        <v>7.5472820459209167E-2</v>
      </c>
      <c r="E161" s="158">
        <v>0.23008019540816604</v>
      </c>
      <c r="F161" s="89">
        <v>7.4449559864073103E-2</v>
      </c>
      <c r="G161" s="158">
        <v>0.27558314969465114</v>
      </c>
      <c r="H161" s="89">
        <v>7.8665534114190666E-2</v>
      </c>
      <c r="I161" s="158">
        <v>0.25416557457109834</v>
      </c>
      <c r="J161" s="89">
        <v>7.6806438533067831E-2</v>
      </c>
      <c r="K161" s="48">
        <v>125</v>
      </c>
      <c r="L161" s="158">
        <v>0.32405073467747658</v>
      </c>
      <c r="M161" s="89">
        <v>8.2768374904996764E-2</v>
      </c>
      <c r="N161" s="158">
        <v>0.16317147072702162</v>
      </c>
      <c r="O161" s="89">
        <v>6.6699216534161915E-2</v>
      </c>
      <c r="P161" s="158">
        <v>0.29139205030091486</v>
      </c>
      <c r="Q161" s="89">
        <v>8.0529185453663818E-2</v>
      </c>
      <c r="R161" s="158">
        <v>0.22138574429458729</v>
      </c>
      <c r="S161" s="89">
        <v>7.410729080024718E-2</v>
      </c>
      <c r="T161" s="48">
        <v>127</v>
      </c>
      <c r="U161" s="158">
        <v>0.20233436492637311</v>
      </c>
      <c r="V161" s="89">
        <v>7.1349808365606046E-2</v>
      </c>
      <c r="W161" s="158">
        <v>0.17524627554262093</v>
      </c>
      <c r="X161" s="89">
        <v>6.7874445852820875E-2</v>
      </c>
      <c r="Y161" s="158">
        <v>0.49209062155564609</v>
      </c>
      <c r="Z161" s="89">
        <v>8.7360130959070942E-2</v>
      </c>
      <c r="AA161" s="158">
        <v>0.1303287379753604</v>
      </c>
      <c r="AB161" s="89">
        <v>6.092448147022933E-2</v>
      </c>
    </row>
    <row r="162" spans="1:28">
      <c r="A162" s="44" t="s">
        <v>548</v>
      </c>
      <c r="B162" s="44">
        <v>99</v>
      </c>
      <c r="C162" s="157">
        <v>0.22797735360868615</v>
      </c>
      <c r="D162" s="92">
        <v>8.3987832925185787E-2</v>
      </c>
      <c r="E162" s="157">
        <v>0.21153393536305073</v>
      </c>
      <c r="F162" s="92">
        <v>8.1995726175907863E-2</v>
      </c>
      <c r="G162" s="157">
        <v>0.30336930263413786</v>
      </c>
      <c r="H162" s="92">
        <v>9.1222774077346039E-2</v>
      </c>
      <c r="I162" s="157">
        <v>0.25711940839412478</v>
      </c>
      <c r="J162" s="92">
        <v>8.7133838487362433E-2</v>
      </c>
      <c r="K162" s="44">
        <v>98</v>
      </c>
      <c r="L162" s="157">
        <v>0.23242435475108764</v>
      </c>
      <c r="M162" s="92">
        <v>8.492409461877562E-2</v>
      </c>
      <c r="N162" s="157">
        <v>0.2903887985751924</v>
      </c>
      <c r="O162" s="92">
        <v>9.0627789307314827E-2</v>
      </c>
      <c r="P162" s="157">
        <v>0.36673035556076433</v>
      </c>
      <c r="Q162" s="92">
        <v>9.5712988412427105E-2</v>
      </c>
      <c r="R162" s="157">
        <v>0.11045649111295509</v>
      </c>
      <c r="S162" s="92">
        <v>6.5656262787171335E-2</v>
      </c>
      <c r="T162" s="44">
        <v>99</v>
      </c>
      <c r="U162" s="157">
        <v>0.16901930466634688</v>
      </c>
      <c r="V162" s="92">
        <v>7.6016136113716826E-2</v>
      </c>
      <c r="W162" s="157">
        <v>0.21558415899643216</v>
      </c>
      <c r="X162" s="92">
        <v>8.2501787882947375E-2</v>
      </c>
      <c r="Y162" s="157">
        <v>0.53045967686877282</v>
      </c>
      <c r="Z162" s="92">
        <v>9.836387179933663E-2</v>
      </c>
      <c r="AA162" s="157">
        <v>8.4936859468447493E-2</v>
      </c>
      <c r="AB162" s="92">
        <v>5.9396164878188724E-2</v>
      </c>
    </row>
    <row r="163" spans="1:28">
      <c r="A163" s="40" t="s">
        <v>538</v>
      </c>
      <c r="B163" s="155">
        <v>125</v>
      </c>
      <c r="C163" s="158">
        <v>0.28101773737872848</v>
      </c>
      <c r="D163" s="89">
        <v>7.972326289544962E-2</v>
      </c>
      <c r="E163" s="158">
        <v>0.24084851689323877</v>
      </c>
      <c r="F163" s="89">
        <v>7.6135510755776611E-2</v>
      </c>
      <c r="G163" s="158">
        <v>0.34081551798646076</v>
      </c>
      <c r="H163" s="89">
        <v>8.37507174609122E-2</v>
      </c>
      <c r="I163" s="158">
        <v>0.1373182277415726</v>
      </c>
      <c r="J163" s="89">
        <v>6.2627942923171545E-2</v>
      </c>
      <c r="K163" s="155">
        <v>125</v>
      </c>
      <c r="L163" s="158">
        <v>0.24364239838547469</v>
      </c>
      <c r="M163" s="89">
        <v>7.6410398024297208E-2</v>
      </c>
      <c r="N163" s="158">
        <v>0.23280516739154591</v>
      </c>
      <c r="O163" s="89">
        <v>7.5321688631980382E-2</v>
      </c>
      <c r="P163" s="158">
        <v>0.40036839305654387</v>
      </c>
      <c r="Q163" s="89">
        <v>8.6388269559705286E-2</v>
      </c>
      <c r="R163" s="158">
        <v>0.12318404116643615</v>
      </c>
      <c r="S163" s="89">
        <v>6.0149377415775342E-2</v>
      </c>
      <c r="T163" s="155">
        <v>125</v>
      </c>
      <c r="U163" s="158">
        <v>0.14631821555565858</v>
      </c>
      <c r="V163" s="89">
        <v>6.4109037987266138E-2</v>
      </c>
      <c r="W163" s="158">
        <v>0.18366524641120072</v>
      </c>
      <c r="X163" s="89">
        <v>6.955937910747019E-2</v>
      </c>
      <c r="Y163" s="158">
        <v>0.66051066343117104</v>
      </c>
      <c r="Z163" s="89">
        <v>8.3676991145014298E-2</v>
      </c>
      <c r="AA163" s="158">
        <v>9.5058746019706722E-3</v>
      </c>
      <c r="AB163" s="89">
        <v>2.7338908754245137E-2</v>
      </c>
    </row>
    <row r="164" spans="1:28">
      <c r="A164" s="44" t="s">
        <v>539</v>
      </c>
      <c r="B164" s="156">
        <v>96</v>
      </c>
      <c r="C164" s="157">
        <v>0.27999995246507309</v>
      </c>
      <c r="D164" s="92">
        <v>9.0640948963345458E-2</v>
      </c>
      <c r="E164" s="157">
        <v>0.25558497978488615</v>
      </c>
      <c r="F164" s="92">
        <v>8.8305110189255756E-2</v>
      </c>
      <c r="G164" s="157">
        <v>0.33038890395113923</v>
      </c>
      <c r="H164" s="92">
        <v>9.4548925182910706E-2</v>
      </c>
      <c r="I164" s="157">
        <v>0.13402616379890087</v>
      </c>
      <c r="J164" s="92">
        <v>7.1151612816828538E-2</v>
      </c>
      <c r="K164" s="156">
        <v>96</v>
      </c>
      <c r="L164" s="157">
        <v>0.2548803500425505</v>
      </c>
      <c r="M164" s="92">
        <v>8.8233081052377635E-2</v>
      </c>
      <c r="N164" s="157">
        <v>0.23451609402590939</v>
      </c>
      <c r="O164" s="92">
        <v>8.603349610199762E-2</v>
      </c>
      <c r="P164" s="157">
        <v>0.3824062201345878</v>
      </c>
      <c r="Q164" s="92">
        <v>9.7417830283107187E-2</v>
      </c>
      <c r="R164" s="157">
        <v>0.12819733579695192</v>
      </c>
      <c r="S164" s="92">
        <v>7.0028730397293557E-2</v>
      </c>
      <c r="T164" s="156">
        <v>96</v>
      </c>
      <c r="U164" s="157">
        <v>0.16159338491874309</v>
      </c>
      <c r="V164" s="92">
        <v>7.6015591921735931E-2</v>
      </c>
      <c r="W164" s="157">
        <v>0.19576804800267486</v>
      </c>
      <c r="X164" s="92">
        <v>8.1166346352216617E-2</v>
      </c>
      <c r="Y164" s="157">
        <v>0.63135572803870321</v>
      </c>
      <c r="Z164" s="92">
        <v>9.6767435012166517E-2</v>
      </c>
      <c r="AA164" s="157">
        <v>1.1282839039878503E-2</v>
      </c>
      <c r="AB164" s="92">
        <v>3.4572209946698705E-2</v>
      </c>
    </row>
    <row r="165" spans="1:28">
      <c r="A165" s="40" t="s">
        <v>540</v>
      </c>
      <c r="B165" s="78">
        <v>259</v>
      </c>
      <c r="C165" s="158">
        <v>0.27625654103496716</v>
      </c>
      <c r="D165" s="89">
        <v>5.5352318739805478E-2</v>
      </c>
      <c r="E165" s="158">
        <v>0.23257498035431007</v>
      </c>
      <c r="F165" s="89">
        <v>5.2415815083663136E-2</v>
      </c>
      <c r="G165" s="158">
        <v>0.3843999580482228</v>
      </c>
      <c r="H165" s="89">
        <v>6.0043080788791524E-2</v>
      </c>
      <c r="I165" s="158">
        <v>0.10676852056249929</v>
      </c>
      <c r="J165" s="89">
        <v>3.9006061570100947E-2</v>
      </c>
      <c r="K165" s="78">
        <v>259</v>
      </c>
      <c r="L165" s="158">
        <v>0.24736633371763672</v>
      </c>
      <c r="M165" s="89">
        <v>5.3487196796220833E-2</v>
      </c>
      <c r="N165" s="158">
        <v>0.24826536298640078</v>
      </c>
      <c r="O165" s="89">
        <v>5.3549682469288241E-2</v>
      </c>
      <c r="P165" s="158">
        <v>0.37261097125659559</v>
      </c>
      <c r="Q165" s="89">
        <v>5.9690189734061275E-2</v>
      </c>
      <c r="R165" s="158">
        <v>0.13175733203936596</v>
      </c>
      <c r="S165" s="89">
        <v>4.2451630456330353E-2</v>
      </c>
      <c r="T165" s="78">
        <v>260</v>
      </c>
      <c r="U165" s="158">
        <v>0.17167555073131627</v>
      </c>
      <c r="V165" s="89">
        <v>4.6943693431835423E-2</v>
      </c>
      <c r="W165" s="158">
        <v>0.13956821635473943</v>
      </c>
      <c r="X165" s="89">
        <v>4.3344253572354871E-2</v>
      </c>
      <c r="Y165" s="158">
        <v>0.6492248517649607</v>
      </c>
      <c r="Z165" s="89">
        <v>5.8827124897010467E-2</v>
      </c>
      <c r="AA165" s="158">
        <v>3.953138114898213E-2</v>
      </c>
      <c r="AB165" s="89">
        <v>2.5920966050615991E-2</v>
      </c>
    </row>
    <row r="166" spans="1:28" ht="25.5">
      <c r="A166" s="44" t="s">
        <v>541</v>
      </c>
      <c r="B166" s="156">
        <v>113</v>
      </c>
      <c r="C166" s="157">
        <v>0.25070546754566675</v>
      </c>
      <c r="D166" s="92">
        <v>8.1025271184780437E-2</v>
      </c>
      <c r="E166" s="157">
        <v>0.22124704849646559</v>
      </c>
      <c r="F166" s="92">
        <v>7.7903953729403425E-2</v>
      </c>
      <c r="G166" s="157">
        <v>0.41876341776246628</v>
      </c>
      <c r="H166" s="92">
        <v>9.1304720208292917E-2</v>
      </c>
      <c r="I166" s="157">
        <v>0.10928406619540221</v>
      </c>
      <c r="J166" s="92">
        <v>6.0651969528357552E-2</v>
      </c>
      <c r="K166" s="156">
        <v>113</v>
      </c>
      <c r="L166" s="157">
        <v>0.18457324421619853</v>
      </c>
      <c r="M166" s="92">
        <v>7.3308313239932574E-2</v>
      </c>
      <c r="N166" s="157">
        <v>0.23685760053963306</v>
      </c>
      <c r="O166" s="92">
        <v>7.9616553486583266E-2</v>
      </c>
      <c r="P166" s="157">
        <v>0.43239136178619042</v>
      </c>
      <c r="Q166" s="92">
        <v>9.1658278687925976E-2</v>
      </c>
      <c r="R166" s="157">
        <v>0.14617779345797874</v>
      </c>
      <c r="S166" s="92">
        <v>6.748815197334225E-2</v>
      </c>
      <c r="T166" s="156">
        <v>113</v>
      </c>
      <c r="U166" s="157">
        <v>0.15733062825437638</v>
      </c>
      <c r="V166" s="92">
        <v>6.9299136300021283E-2</v>
      </c>
      <c r="W166" s="157">
        <v>0.13706976935644352</v>
      </c>
      <c r="X166" s="92">
        <v>6.5927718897932724E-2</v>
      </c>
      <c r="Y166" s="157">
        <v>0.66833698044207068</v>
      </c>
      <c r="Z166" s="92">
        <v>8.7426088059665827E-2</v>
      </c>
      <c r="AA166" s="157">
        <v>3.7262621947110261E-2</v>
      </c>
      <c r="AB166" s="92">
        <v>4.1454301835244817E-2</v>
      </c>
    </row>
    <row r="167" spans="1:28" ht="25.5">
      <c r="A167" s="52" t="s">
        <v>549</v>
      </c>
      <c r="B167" s="155">
        <v>66</v>
      </c>
      <c r="C167" s="158">
        <v>0.32120502440709126</v>
      </c>
      <c r="D167" s="89">
        <v>0.11252464301771199</v>
      </c>
      <c r="E167" s="158">
        <v>0.30743689922351808</v>
      </c>
      <c r="F167" s="89">
        <v>0.11136456214199562</v>
      </c>
      <c r="G167" s="158">
        <v>0.32682529944368488</v>
      </c>
      <c r="H167" s="89">
        <v>0.11297027853243755</v>
      </c>
      <c r="I167" s="158">
        <v>4.4532776925706105E-2</v>
      </c>
      <c r="J167" s="89">
        <v>6.1216634443445363E-2</v>
      </c>
      <c r="K167" s="155">
        <v>66</v>
      </c>
      <c r="L167" s="158">
        <v>0.29408940153296542</v>
      </c>
      <c r="M167" s="89">
        <v>0.11014483947563933</v>
      </c>
      <c r="N167" s="158">
        <v>0.28602290097943806</v>
      </c>
      <c r="O167" s="89">
        <v>0.10936100208169025</v>
      </c>
      <c r="P167" s="158">
        <v>0.32649986675340803</v>
      </c>
      <c r="Q167" s="89">
        <v>0.11294491020676586</v>
      </c>
      <c r="R167" s="158">
        <v>9.3387830734188867E-2</v>
      </c>
      <c r="S167" s="89">
        <v>7.6726576358528378E-2</v>
      </c>
      <c r="T167" s="155">
        <v>67</v>
      </c>
      <c r="U167" s="158">
        <v>0.19115372974985609</v>
      </c>
      <c r="V167" s="89">
        <v>9.6431819035974878E-2</v>
      </c>
      <c r="W167" s="158">
        <v>0.15529917016678019</v>
      </c>
      <c r="X167" s="89">
        <v>9.0130493472291448E-2</v>
      </c>
      <c r="Y167" s="158">
        <v>0.61249323961462165</v>
      </c>
      <c r="Z167" s="89">
        <v>0.1159725538732177</v>
      </c>
      <c r="AA167" s="158">
        <v>4.1053860468742064E-2</v>
      </c>
      <c r="AB167" s="89">
        <v>5.9307285469155979E-2</v>
      </c>
    </row>
    <row r="168" spans="1:28">
      <c r="A168" s="44" t="s">
        <v>543</v>
      </c>
      <c r="B168" s="156">
        <v>80</v>
      </c>
      <c r="C168" s="157">
        <v>0.28234903908450165</v>
      </c>
      <c r="D168" s="92">
        <v>9.9290879371581958E-2</v>
      </c>
      <c r="E168" s="157">
        <v>0.19982902718748766</v>
      </c>
      <c r="F168" s="92">
        <v>8.9515700670244586E-2</v>
      </c>
      <c r="G168" s="157">
        <v>0.37435026818087225</v>
      </c>
      <c r="H168" s="92">
        <v>0.10593797601764894</v>
      </c>
      <c r="I168" s="157">
        <v>0.143471665547138</v>
      </c>
      <c r="J168" s="92">
        <v>8.0090799009935015E-2</v>
      </c>
      <c r="K168" s="156">
        <v>80</v>
      </c>
      <c r="L168" s="157">
        <v>0.30346812290892311</v>
      </c>
      <c r="M168" s="92">
        <v>0.10117551630904595</v>
      </c>
      <c r="N168" s="157">
        <v>0.23957114062843973</v>
      </c>
      <c r="O168" s="92">
        <v>9.4738327997536675E-2</v>
      </c>
      <c r="P168" s="157">
        <v>0.32025244555958315</v>
      </c>
      <c r="Q168" s="92">
        <v>0.10251471864060811</v>
      </c>
      <c r="R168" s="157">
        <v>0.13670829090305348</v>
      </c>
      <c r="S168" s="92">
        <v>7.8767126342562346E-2</v>
      </c>
      <c r="T168" s="156">
        <v>80</v>
      </c>
      <c r="U168" s="157">
        <v>0.17850046924621388</v>
      </c>
      <c r="V168" s="92">
        <v>8.6257550660191432E-2</v>
      </c>
      <c r="W168" s="157">
        <v>0.13259884775949837</v>
      </c>
      <c r="X168" s="92">
        <v>7.7939503292726808E-2</v>
      </c>
      <c r="Y168" s="157">
        <v>0.64725965968265586</v>
      </c>
      <c r="Z168" s="92">
        <v>0.10472883267507777</v>
      </c>
      <c r="AA168" s="157">
        <v>4.1641023311631553E-2</v>
      </c>
      <c r="AB168" s="92">
        <v>5.320199591826965E-2</v>
      </c>
    </row>
    <row r="169" spans="1:28">
      <c r="A169" s="52" t="s">
        <v>544</v>
      </c>
      <c r="B169" s="155">
        <v>112</v>
      </c>
      <c r="C169" s="158">
        <v>0.36033318949990245</v>
      </c>
      <c r="D169" s="89">
        <v>8.9407105527481726E-2</v>
      </c>
      <c r="E169" s="158">
        <v>0.15827638799431412</v>
      </c>
      <c r="F169" s="89">
        <v>6.9763039949602063E-2</v>
      </c>
      <c r="G169" s="158">
        <v>0.42794367969505132</v>
      </c>
      <c r="H169" s="89">
        <v>9.1944471575486533E-2</v>
      </c>
      <c r="I169" s="158">
        <v>5.3446742810732022E-2</v>
      </c>
      <c r="J169" s="89">
        <v>4.7016313723660066E-2</v>
      </c>
      <c r="K169" s="155">
        <v>112</v>
      </c>
      <c r="L169" s="158">
        <v>0.38224613379751865</v>
      </c>
      <c r="M169" s="89">
        <v>9.0415480348336283E-2</v>
      </c>
      <c r="N169" s="158">
        <v>0.20560004767842482</v>
      </c>
      <c r="O169" s="89">
        <v>7.6384450448622354E-2</v>
      </c>
      <c r="P169" s="158">
        <v>0.39018635825663772</v>
      </c>
      <c r="Q169" s="89">
        <v>9.0736124200179777E-2</v>
      </c>
      <c r="R169" s="158">
        <v>2.1967460267418897E-2</v>
      </c>
      <c r="S169" s="89">
        <v>3.5706096903878021E-2</v>
      </c>
      <c r="T169" s="155">
        <v>112</v>
      </c>
      <c r="U169" s="158">
        <v>0.2200190193187192</v>
      </c>
      <c r="V169" s="89">
        <v>7.8107706980746108E-2</v>
      </c>
      <c r="W169" s="158">
        <v>0.18878020344871271</v>
      </c>
      <c r="X169" s="89">
        <v>7.4210073236021301E-2</v>
      </c>
      <c r="Y169" s="158">
        <v>0.57401457185532967</v>
      </c>
      <c r="Z169" s="89">
        <v>9.1894454677326293E-2</v>
      </c>
      <c r="AA169" s="158">
        <v>1.7186205377238382E-2</v>
      </c>
      <c r="AB169" s="89">
        <v>3.3574493914305212E-2</v>
      </c>
    </row>
    <row r="170" spans="1:28">
      <c r="A170" s="44" t="s">
        <v>545</v>
      </c>
      <c r="B170" s="156">
        <v>123</v>
      </c>
      <c r="C170" s="157">
        <v>0.26238096596487226</v>
      </c>
      <c r="D170" s="92">
        <v>7.877764893382648E-2</v>
      </c>
      <c r="E170" s="157">
        <v>0.21204275919313989</v>
      </c>
      <c r="F170" s="92">
        <v>7.3649871593234967E-2</v>
      </c>
      <c r="G170" s="157">
        <v>0.36163066443262765</v>
      </c>
      <c r="H170" s="92">
        <v>8.5489049052589333E-2</v>
      </c>
      <c r="I170" s="157">
        <v>0.16394561040936051</v>
      </c>
      <c r="J170" s="92">
        <v>6.7361822293753107E-2</v>
      </c>
      <c r="K170" s="156">
        <v>123</v>
      </c>
      <c r="L170" s="157">
        <v>0.31478002620629825</v>
      </c>
      <c r="M170" s="92">
        <v>8.2828076330951836E-2</v>
      </c>
      <c r="N170" s="157">
        <v>0.19622059932495578</v>
      </c>
      <c r="O170" s="92">
        <v>7.1747493900870554E-2</v>
      </c>
      <c r="P170" s="157">
        <v>0.40871387589652886</v>
      </c>
      <c r="Q170" s="92">
        <v>8.7337430580824701E-2</v>
      </c>
      <c r="R170" s="157">
        <v>8.0285498572217423E-2</v>
      </c>
      <c r="S170" s="92">
        <v>5.1668749727131751E-2</v>
      </c>
      <c r="T170" s="156">
        <v>123</v>
      </c>
      <c r="U170" s="157">
        <v>0.19709175544438268</v>
      </c>
      <c r="V170" s="92">
        <v>7.1856225182318864E-2</v>
      </c>
      <c r="W170" s="157">
        <v>0.14216622688371325</v>
      </c>
      <c r="X170" s="92">
        <v>6.3962045159006442E-2</v>
      </c>
      <c r="Y170" s="157">
        <v>0.6188565759729111</v>
      </c>
      <c r="Z170" s="92">
        <v>8.6351959342042012E-2</v>
      </c>
      <c r="AA170" s="157">
        <v>4.1885441698993421E-2</v>
      </c>
      <c r="AB170" s="92">
        <v>4.0912024801898608E-2</v>
      </c>
    </row>
  </sheetData>
  <mergeCells count="24">
    <mergeCell ref="T150:AB150"/>
    <mergeCell ref="K150:S150"/>
    <mergeCell ref="A119:D119"/>
    <mergeCell ref="A120:D120"/>
    <mergeCell ref="A3:O3"/>
    <mergeCell ref="A4:O4"/>
    <mergeCell ref="E5:O5"/>
    <mergeCell ref="A32:I32"/>
    <mergeCell ref="B92:H92"/>
    <mergeCell ref="I92:O92"/>
    <mergeCell ref="B150:J150"/>
    <mergeCell ref="A91:V91"/>
    <mergeCell ref="A5:D5"/>
    <mergeCell ref="A34:D34"/>
    <mergeCell ref="A61:D61"/>
    <mergeCell ref="A62:D62"/>
    <mergeCell ref="A149:AB149"/>
    <mergeCell ref="A148:AB148"/>
    <mergeCell ref="P92:V92"/>
    <mergeCell ref="E34:I34"/>
    <mergeCell ref="A33:I33"/>
    <mergeCell ref="A63:D63"/>
    <mergeCell ref="A90:V90"/>
    <mergeCell ref="A121:D121"/>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47.7109375" customWidth="1"/>
  </cols>
  <sheetData>
    <row r="1" spans="1:4" ht="31.5">
      <c r="A1" s="30" t="s">
        <v>39</v>
      </c>
    </row>
    <row r="3" spans="1:4" ht="18.75">
      <c r="A3" s="335" t="s">
        <v>11</v>
      </c>
      <c r="B3" s="335"/>
      <c r="C3" s="335"/>
      <c r="D3" s="335"/>
    </row>
    <row r="4" spans="1:4" ht="133.5" customHeight="1">
      <c r="A4" s="389" t="s">
        <v>469</v>
      </c>
      <c r="B4" s="389"/>
      <c r="C4" s="389"/>
      <c r="D4" s="389"/>
    </row>
    <row r="5" spans="1:4" ht="38.25" customHeight="1">
      <c r="A5" s="337" t="s">
        <v>122</v>
      </c>
      <c r="B5" s="337"/>
      <c r="C5" s="337"/>
      <c r="D5" s="337"/>
    </row>
    <row r="6" spans="1:4" ht="72">
      <c r="A6" s="32" t="s">
        <v>71</v>
      </c>
      <c r="B6" s="33" t="s">
        <v>72</v>
      </c>
      <c r="C6" s="34" t="s">
        <v>584</v>
      </c>
      <c r="D6" s="35" t="s">
        <v>73</v>
      </c>
    </row>
    <row r="7" spans="1:4" ht="72">
      <c r="A7" s="36"/>
      <c r="B7" s="37" t="s">
        <v>74</v>
      </c>
      <c r="C7" s="121" t="s">
        <v>123</v>
      </c>
      <c r="D7" s="39" t="s">
        <v>76</v>
      </c>
    </row>
    <row r="8" spans="1:4">
      <c r="A8" s="40" t="s">
        <v>350</v>
      </c>
      <c r="B8" s="159">
        <v>13038</v>
      </c>
      <c r="C8" s="160">
        <v>4.3063938454541928</v>
      </c>
      <c r="D8" s="81">
        <v>2.3278647383610147E-2</v>
      </c>
    </row>
    <row r="9" spans="1:4">
      <c r="A9" s="44" t="s">
        <v>351</v>
      </c>
      <c r="B9" s="44">
        <v>9671</v>
      </c>
      <c r="C9" s="162">
        <v>4.2588562671727557</v>
      </c>
      <c r="D9" s="82">
        <v>2.7110082737648852E-2</v>
      </c>
    </row>
    <row r="10" spans="1:4">
      <c r="A10" s="40" t="s">
        <v>352</v>
      </c>
      <c r="B10" s="48">
        <v>3367</v>
      </c>
      <c r="C10" s="160">
        <v>4.3459776287948415</v>
      </c>
      <c r="D10" s="81">
        <v>4.5414474455323685E-2</v>
      </c>
    </row>
    <row r="11" spans="1:4">
      <c r="A11" s="44" t="s">
        <v>534</v>
      </c>
      <c r="B11" s="44">
        <v>1575</v>
      </c>
      <c r="C11" s="162">
        <v>4.3759193549948847</v>
      </c>
      <c r="D11" s="82">
        <v>6.5976963438928254E-2</v>
      </c>
    </row>
    <row r="12" spans="1:4">
      <c r="A12" s="40" t="s">
        <v>535</v>
      </c>
      <c r="B12" s="48">
        <v>881</v>
      </c>
      <c r="C12" s="160">
        <v>4.4837760597440033</v>
      </c>
      <c r="D12" s="81">
        <v>8.8923138288120582E-2</v>
      </c>
    </row>
    <row r="13" spans="1:4">
      <c r="A13" s="44" t="s">
        <v>536</v>
      </c>
      <c r="B13" s="44">
        <v>188</v>
      </c>
      <c r="C13" s="162">
        <v>4.5489207237780569</v>
      </c>
      <c r="D13" s="82">
        <v>0.19503079394944875</v>
      </c>
    </row>
    <row r="14" spans="1:4">
      <c r="A14" s="40" t="s">
        <v>537</v>
      </c>
      <c r="B14" s="48">
        <v>71</v>
      </c>
      <c r="C14" s="160">
        <v>4.5462791184857902</v>
      </c>
      <c r="D14" s="81">
        <v>0.34584557725489751</v>
      </c>
    </row>
    <row r="15" spans="1:4">
      <c r="A15" s="44" t="s">
        <v>546</v>
      </c>
      <c r="B15" s="44">
        <v>702</v>
      </c>
      <c r="C15" s="162">
        <v>4.3269507680555037</v>
      </c>
      <c r="D15" s="82">
        <v>9.7465201315521999E-2</v>
      </c>
    </row>
    <row r="16" spans="1:4">
      <c r="A16" s="40" t="s">
        <v>547</v>
      </c>
      <c r="B16" s="48">
        <v>109</v>
      </c>
      <c r="C16" s="160">
        <v>4.2993855014551725</v>
      </c>
      <c r="D16" s="81">
        <v>0.2241921539849964</v>
      </c>
    </row>
    <row r="17" spans="1:37">
      <c r="A17" s="44" t="s">
        <v>548</v>
      </c>
      <c r="B17" s="44">
        <v>93</v>
      </c>
      <c r="C17" s="162">
        <v>4.373905962531035</v>
      </c>
      <c r="D17" s="82">
        <v>0.23389649376512012</v>
      </c>
    </row>
    <row r="18" spans="1:37">
      <c r="A18" s="40" t="s">
        <v>538</v>
      </c>
      <c r="B18" s="159">
        <v>120</v>
      </c>
      <c r="C18" s="160">
        <v>4.6065644396001719</v>
      </c>
      <c r="D18" s="81">
        <v>0.22588886711656911</v>
      </c>
    </row>
    <row r="19" spans="1:37">
      <c r="A19" s="44" t="s">
        <v>539</v>
      </c>
      <c r="B19" s="161">
        <v>92</v>
      </c>
      <c r="C19" s="162">
        <v>4.6061750650084869</v>
      </c>
      <c r="D19" s="82">
        <v>0.26454554822152276</v>
      </c>
    </row>
    <row r="20" spans="1:37">
      <c r="A20" s="40" t="s">
        <v>540</v>
      </c>
      <c r="B20" s="78">
        <v>245</v>
      </c>
      <c r="C20" s="160">
        <v>4.5131830083361573</v>
      </c>
      <c r="D20" s="81">
        <v>0.15975143490221708</v>
      </c>
    </row>
    <row r="21" spans="1:37" ht="25.5">
      <c r="A21" s="44" t="s">
        <v>541</v>
      </c>
      <c r="B21" s="161">
        <v>110</v>
      </c>
      <c r="C21" s="162">
        <v>4.7134703685566679</v>
      </c>
      <c r="D21" s="82">
        <v>0.23404756487268627</v>
      </c>
    </row>
    <row r="22" spans="1:37" ht="25.5">
      <c r="A22" s="52" t="s">
        <v>549</v>
      </c>
      <c r="B22" s="159">
        <v>66</v>
      </c>
      <c r="C22" s="160">
        <v>4.2276934150331016</v>
      </c>
      <c r="D22" s="81">
        <v>0.33511463348456838</v>
      </c>
    </row>
    <row r="23" spans="1:37">
      <c r="A23" s="44" t="s">
        <v>543</v>
      </c>
      <c r="B23" s="161">
        <v>69</v>
      </c>
      <c r="C23" s="162">
        <v>4.423374476321742</v>
      </c>
      <c r="D23" s="82">
        <v>0.27386187817372004</v>
      </c>
    </row>
    <row r="24" spans="1:37">
      <c r="A24" s="52" t="s">
        <v>544</v>
      </c>
      <c r="B24" s="159">
        <v>111</v>
      </c>
      <c r="C24" s="160">
        <v>4.4351897843912784</v>
      </c>
      <c r="D24" s="81">
        <v>0.28879103818985608</v>
      </c>
    </row>
    <row r="25" spans="1:37">
      <c r="A25" s="44" t="s">
        <v>545</v>
      </c>
      <c r="B25" s="161">
        <v>116</v>
      </c>
      <c r="C25" s="162">
        <v>4.4108245609367698</v>
      </c>
      <c r="D25" s="82">
        <v>0.2683581975688491</v>
      </c>
    </row>
    <row r="32" spans="1:37" ht="18.75">
      <c r="A32" s="335" t="s">
        <v>42</v>
      </c>
      <c r="B32" s="335"/>
      <c r="C32" s="335"/>
      <c r="D32" s="335"/>
      <c r="E32" s="335"/>
      <c r="F32" s="335"/>
      <c r="G32" s="335"/>
      <c r="H32" s="335"/>
      <c r="I32" s="335"/>
      <c r="J32" s="335"/>
      <c r="K32" s="335"/>
      <c r="L32" s="335"/>
      <c r="M32" s="335"/>
      <c r="N32" s="335"/>
      <c r="O32" s="335"/>
      <c r="P32" s="335"/>
      <c r="Q32" s="335"/>
      <c r="R32" s="335"/>
      <c r="S32" s="335"/>
      <c r="T32" s="335"/>
      <c r="U32" s="335"/>
      <c r="V32" s="335"/>
      <c r="W32" s="335"/>
      <c r="X32" s="335"/>
      <c r="Y32" s="335"/>
      <c r="Z32" s="335"/>
      <c r="AA32" s="335"/>
      <c r="AB32" s="335"/>
      <c r="AC32" s="335"/>
      <c r="AD32" s="335"/>
      <c r="AE32" s="335"/>
      <c r="AF32" s="335"/>
      <c r="AG32" s="335"/>
      <c r="AH32" s="335"/>
      <c r="AI32" s="335"/>
      <c r="AJ32" s="335"/>
      <c r="AK32" s="335"/>
    </row>
    <row r="33" spans="1:45" ht="73.5" customHeight="1">
      <c r="A33" s="405" t="s">
        <v>593</v>
      </c>
      <c r="B33" s="405"/>
      <c r="C33" s="405"/>
      <c r="D33" s="405"/>
      <c r="E33" s="405"/>
      <c r="F33" s="405"/>
      <c r="G33" s="405"/>
      <c r="H33" s="405"/>
      <c r="I33" s="405"/>
      <c r="J33" s="405"/>
      <c r="K33" s="405"/>
      <c r="L33" s="405"/>
      <c r="M33" s="405"/>
      <c r="N33" s="405"/>
      <c r="O33" s="405"/>
      <c r="P33" s="405"/>
      <c r="Q33" s="405"/>
      <c r="R33" s="405"/>
      <c r="S33" s="405"/>
      <c r="T33" s="405"/>
      <c r="U33" s="405"/>
      <c r="V33" s="405"/>
      <c r="W33" s="405"/>
      <c r="X33" s="405"/>
      <c r="Y33" s="405"/>
      <c r="Z33" s="405"/>
      <c r="AA33" s="405"/>
      <c r="AB33" s="405"/>
      <c r="AC33" s="405"/>
      <c r="AD33" s="405"/>
      <c r="AE33" s="405"/>
      <c r="AF33" s="405"/>
      <c r="AG33" s="405"/>
      <c r="AH33" s="405"/>
      <c r="AI33" s="405"/>
      <c r="AJ33" s="405"/>
      <c r="AK33" s="405"/>
    </row>
    <row r="34" spans="1:45" ht="39" customHeight="1">
      <c r="A34" s="59"/>
      <c r="B34" s="390" t="s">
        <v>124</v>
      </c>
      <c r="C34" s="403"/>
      <c r="D34" s="403"/>
      <c r="E34" s="403"/>
      <c r="F34" s="403"/>
      <c r="G34" s="403"/>
      <c r="H34" s="403"/>
      <c r="I34" s="403"/>
      <c r="J34" s="404"/>
      <c r="K34" s="390" t="s">
        <v>387</v>
      </c>
      <c r="L34" s="403"/>
      <c r="M34" s="403"/>
      <c r="N34" s="403"/>
      <c r="O34" s="403"/>
      <c r="P34" s="403"/>
      <c r="Q34" s="403"/>
      <c r="R34" s="403"/>
      <c r="S34" s="404"/>
      <c r="T34" s="390" t="s">
        <v>125</v>
      </c>
      <c r="U34" s="403"/>
      <c r="V34" s="403"/>
      <c r="W34" s="403"/>
      <c r="X34" s="403"/>
      <c r="Y34" s="403"/>
      <c r="Z34" s="403"/>
      <c r="AA34" s="403"/>
      <c r="AB34" s="404"/>
      <c r="AC34" s="390" t="s">
        <v>388</v>
      </c>
      <c r="AD34" s="403"/>
      <c r="AE34" s="403"/>
      <c r="AF34" s="403"/>
      <c r="AG34" s="403"/>
      <c r="AH34" s="403"/>
      <c r="AI34" s="403"/>
      <c r="AJ34" s="403"/>
      <c r="AK34" s="404"/>
      <c r="AL34" s="287"/>
      <c r="AM34" s="287"/>
      <c r="AN34" s="287"/>
      <c r="AO34" s="287"/>
      <c r="AP34" s="287"/>
      <c r="AQ34" s="287"/>
      <c r="AR34" s="287"/>
      <c r="AS34" s="287"/>
    </row>
    <row r="35" spans="1:45" ht="72">
      <c r="A35" s="32" t="s">
        <v>71</v>
      </c>
      <c r="B35" s="33" t="s">
        <v>72</v>
      </c>
      <c r="C35" s="33" t="s">
        <v>156</v>
      </c>
      <c r="D35" s="84" t="s">
        <v>85</v>
      </c>
      <c r="E35" s="33" t="s">
        <v>157</v>
      </c>
      <c r="F35" s="84" t="s">
        <v>86</v>
      </c>
      <c r="G35" s="33" t="s">
        <v>158</v>
      </c>
      <c r="H35" s="84" t="s">
        <v>87</v>
      </c>
      <c r="I35" s="33" t="s">
        <v>301</v>
      </c>
      <c r="J35" s="84" t="s">
        <v>300</v>
      </c>
      <c r="K35" s="60" t="s">
        <v>72</v>
      </c>
      <c r="L35" s="60" t="s">
        <v>156</v>
      </c>
      <c r="M35" s="83" t="s">
        <v>85</v>
      </c>
      <c r="N35" s="60" t="s">
        <v>157</v>
      </c>
      <c r="O35" s="83" t="s">
        <v>86</v>
      </c>
      <c r="P35" s="60" t="s">
        <v>158</v>
      </c>
      <c r="Q35" s="83" t="s">
        <v>87</v>
      </c>
      <c r="R35" s="60" t="s">
        <v>301</v>
      </c>
      <c r="S35" s="83" t="s">
        <v>300</v>
      </c>
      <c r="T35" s="33" t="s">
        <v>72</v>
      </c>
      <c r="U35" s="33" t="s">
        <v>156</v>
      </c>
      <c r="V35" s="84" t="s">
        <v>85</v>
      </c>
      <c r="W35" s="33" t="s">
        <v>157</v>
      </c>
      <c r="X35" s="84" t="s">
        <v>86</v>
      </c>
      <c r="Y35" s="33" t="s">
        <v>158</v>
      </c>
      <c r="Z35" s="84" t="s">
        <v>87</v>
      </c>
      <c r="AA35" s="33" t="s">
        <v>301</v>
      </c>
      <c r="AB35" s="84" t="s">
        <v>300</v>
      </c>
      <c r="AC35" s="60" t="s">
        <v>72</v>
      </c>
      <c r="AD35" s="60" t="s">
        <v>156</v>
      </c>
      <c r="AE35" s="83" t="s">
        <v>85</v>
      </c>
      <c r="AF35" s="60" t="s">
        <v>157</v>
      </c>
      <c r="AG35" s="83" t="s">
        <v>86</v>
      </c>
      <c r="AH35" s="60" t="s">
        <v>158</v>
      </c>
      <c r="AI35" s="83" t="s">
        <v>87</v>
      </c>
      <c r="AJ35" s="60" t="s">
        <v>301</v>
      </c>
      <c r="AK35" s="83" t="s">
        <v>300</v>
      </c>
    </row>
    <row r="36" spans="1:45" ht="84">
      <c r="A36" s="36"/>
      <c r="B36" s="37" t="s">
        <v>74</v>
      </c>
      <c r="C36" s="37" t="s">
        <v>159</v>
      </c>
      <c r="D36" s="86" t="s">
        <v>126</v>
      </c>
      <c r="E36" s="37" t="s">
        <v>160</v>
      </c>
      <c r="F36" s="86" t="s">
        <v>127</v>
      </c>
      <c r="G36" s="37" t="s">
        <v>161</v>
      </c>
      <c r="H36" s="86" t="s">
        <v>128</v>
      </c>
      <c r="I36" s="37" t="s">
        <v>301</v>
      </c>
      <c r="J36" s="86" t="s">
        <v>88</v>
      </c>
      <c r="K36" s="63" t="s">
        <v>74</v>
      </c>
      <c r="L36" s="63" t="s">
        <v>159</v>
      </c>
      <c r="M36" s="85" t="s">
        <v>126</v>
      </c>
      <c r="N36" s="63" t="s">
        <v>160</v>
      </c>
      <c r="O36" s="85" t="s">
        <v>127</v>
      </c>
      <c r="P36" s="63" t="s">
        <v>161</v>
      </c>
      <c r="Q36" s="85" t="s">
        <v>128</v>
      </c>
      <c r="R36" s="63" t="s">
        <v>301</v>
      </c>
      <c r="S36" s="85" t="s">
        <v>88</v>
      </c>
      <c r="T36" s="37" t="s">
        <v>74</v>
      </c>
      <c r="U36" s="37" t="s">
        <v>159</v>
      </c>
      <c r="V36" s="86" t="s">
        <v>126</v>
      </c>
      <c r="W36" s="37" t="s">
        <v>160</v>
      </c>
      <c r="X36" s="86" t="s">
        <v>127</v>
      </c>
      <c r="Y36" s="37" t="s">
        <v>161</v>
      </c>
      <c r="Z36" s="86" t="s">
        <v>128</v>
      </c>
      <c r="AA36" s="37" t="s">
        <v>301</v>
      </c>
      <c r="AB36" s="86" t="s">
        <v>88</v>
      </c>
      <c r="AC36" s="63" t="s">
        <v>74</v>
      </c>
      <c r="AD36" s="63" t="s">
        <v>159</v>
      </c>
      <c r="AE36" s="85" t="s">
        <v>126</v>
      </c>
      <c r="AF36" s="63" t="s">
        <v>160</v>
      </c>
      <c r="AG36" s="85" t="s">
        <v>127</v>
      </c>
      <c r="AH36" s="63" t="s">
        <v>161</v>
      </c>
      <c r="AI36" s="85" t="s">
        <v>128</v>
      </c>
      <c r="AJ36" s="63" t="s">
        <v>301</v>
      </c>
      <c r="AK36" s="85" t="s">
        <v>88</v>
      </c>
    </row>
    <row r="37" spans="1:45">
      <c r="A37" s="40" t="s">
        <v>350</v>
      </c>
      <c r="B37" s="159">
        <v>13880</v>
      </c>
      <c r="C37" s="163">
        <v>0.29135498375824709</v>
      </c>
      <c r="D37" s="89">
        <v>7.7130236530871749E-3</v>
      </c>
      <c r="E37" s="163">
        <v>0.20774797413696611</v>
      </c>
      <c r="F37" s="89">
        <v>6.8871205039825641E-3</v>
      </c>
      <c r="G37" s="163">
        <v>0.42667464265435678</v>
      </c>
      <c r="H37" s="89">
        <v>8.3950721840318297E-3</v>
      </c>
      <c r="I37" s="88">
        <v>7.4222399450447132E-2</v>
      </c>
      <c r="J37" s="89">
        <v>4.4526989233520213E-3</v>
      </c>
      <c r="K37" s="159">
        <v>13890</v>
      </c>
      <c r="L37" s="163">
        <v>0.34189549028266986</v>
      </c>
      <c r="M37" s="89">
        <v>8.0486743476053009E-3</v>
      </c>
      <c r="N37" s="163">
        <v>0.19965478829868658</v>
      </c>
      <c r="O37" s="89">
        <v>6.7836815219318699E-3</v>
      </c>
      <c r="P37" s="163">
        <v>0.38036655567884892</v>
      </c>
      <c r="Q37" s="89">
        <v>8.2374449806215944E-3</v>
      </c>
      <c r="R37" s="88">
        <v>7.8083165739812943E-2</v>
      </c>
      <c r="S37" s="89">
        <v>4.5556447490135397E-3</v>
      </c>
      <c r="T37" s="159">
        <v>13870</v>
      </c>
      <c r="U37" s="163">
        <v>0.27724897641459306</v>
      </c>
      <c r="V37" s="89">
        <v>7.6013281544836074E-3</v>
      </c>
      <c r="W37" s="163">
        <v>0.17088162611656965</v>
      </c>
      <c r="X37" s="89">
        <v>6.3926480768412685E-3</v>
      </c>
      <c r="Y37" s="163">
        <v>0.47270941898900426</v>
      </c>
      <c r="Z37" s="89">
        <v>8.4771849695039116E-3</v>
      </c>
      <c r="AA37" s="88">
        <v>7.9159978479849333E-2</v>
      </c>
      <c r="AB37" s="89">
        <v>4.5875207340211428E-3</v>
      </c>
      <c r="AC37" s="159">
        <v>13866</v>
      </c>
      <c r="AD37" s="163">
        <v>0.18962844274582047</v>
      </c>
      <c r="AE37" s="89">
        <v>6.6583111622112584E-3</v>
      </c>
      <c r="AF37" s="163">
        <v>0.20424099143650934</v>
      </c>
      <c r="AG37" s="89">
        <v>6.8473320865241206E-3</v>
      </c>
      <c r="AH37" s="163">
        <v>0.5516637581328524</v>
      </c>
      <c r="AI37" s="89">
        <v>8.4456341950027262E-3</v>
      </c>
      <c r="AJ37" s="88">
        <v>5.4466807684833363E-2</v>
      </c>
      <c r="AK37" s="89">
        <v>3.8581424358494704E-3</v>
      </c>
    </row>
    <row r="38" spans="1:45">
      <c r="A38" s="44" t="s">
        <v>351</v>
      </c>
      <c r="B38" s="161">
        <v>10168</v>
      </c>
      <c r="C38" s="164">
        <v>0.33326677326710175</v>
      </c>
      <c r="D38" s="92">
        <v>9.3480330482870848E-3</v>
      </c>
      <c r="E38" s="164">
        <v>0.19428790359081041</v>
      </c>
      <c r="F38" s="92">
        <v>7.8476849694572807E-3</v>
      </c>
      <c r="G38" s="164">
        <v>0.41315788767892103</v>
      </c>
      <c r="H38" s="92">
        <v>9.7645175620285907E-3</v>
      </c>
      <c r="I38" s="91">
        <v>5.9287435463167414E-2</v>
      </c>
      <c r="J38" s="92">
        <v>4.6895420877363717E-3</v>
      </c>
      <c r="K38" s="161">
        <v>10170</v>
      </c>
      <c r="L38" s="164">
        <v>0.39402579456126929</v>
      </c>
      <c r="M38" s="92">
        <v>9.6890579643586581E-3</v>
      </c>
      <c r="N38" s="164">
        <v>0.18979803786146401</v>
      </c>
      <c r="O38" s="92">
        <v>7.7773820216411422E-3</v>
      </c>
      <c r="P38" s="164">
        <v>0.35379391199148785</v>
      </c>
      <c r="Q38" s="92">
        <v>9.48114504039641E-3</v>
      </c>
      <c r="R38" s="91">
        <v>6.2382255585778743E-2</v>
      </c>
      <c r="S38" s="92">
        <v>4.8015980641209861E-3</v>
      </c>
      <c r="T38" s="161">
        <v>10158</v>
      </c>
      <c r="U38" s="164">
        <v>0.2617227838355578</v>
      </c>
      <c r="V38" s="92">
        <v>8.7221010497714763E-3</v>
      </c>
      <c r="W38" s="164">
        <v>0.15472642745560647</v>
      </c>
      <c r="X38" s="92">
        <v>7.1775632918835621E-3</v>
      </c>
      <c r="Y38" s="164">
        <v>0.51047888836438104</v>
      </c>
      <c r="Z38" s="92">
        <v>9.9177939588992944E-3</v>
      </c>
      <c r="AA38" s="91">
        <v>7.307190034444877E-2</v>
      </c>
      <c r="AB38" s="92">
        <v>5.168899282576263E-3</v>
      </c>
      <c r="AC38" s="161">
        <v>10150</v>
      </c>
      <c r="AD38" s="164">
        <v>0.19876171915823659</v>
      </c>
      <c r="AE38" s="92">
        <v>7.9223874203287852E-3</v>
      </c>
      <c r="AF38" s="164">
        <v>0.19577903998632742</v>
      </c>
      <c r="AG38" s="92">
        <v>7.8773969127038865E-3</v>
      </c>
      <c r="AH38" s="164">
        <v>0.56270077896976678</v>
      </c>
      <c r="AI38" s="92">
        <v>9.8456016184728413E-3</v>
      </c>
      <c r="AJ38" s="91">
        <v>4.2758461885663117E-2</v>
      </c>
      <c r="AK38" s="92">
        <v>4.0235109008786556E-3</v>
      </c>
    </row>
    <row r="39" spans="1:45">
      <c r="A39" s="40" t="s">
        <v>352</v>
      </c>
      <c r="B39" s="159">
        <v>3712</v>
      </c>
      <c r="C39" s="163">
        <v>0.25751204521443621</v>
      </c>
      <c r="D39" s="89">
        <v>1.435090423557771E-2</v>
      </c>
      <c r="E39" s="163">
        <v>0.21861671406972916</v>
      </c>
      <c r="F39" s="89">
        <v>1.3566953538342721E-2</v>
      </c>
      <c r="G39" s="163">
        <v>0.43758915413920407</v>
      </c>
      <c r="H39" s="89">
        <v>1.6276448788270725E-2</v>
      </c>
      <c r="I39" s="88">
        <v>8.6282086576631195E-2</v>
      </c>
      <c r="J39" s="89">
        <v>9.2335897220080995E-3</v>
      </c>
      <c r="K39" s="159">
        <v>3720</v>
      </c>
      <c r="L39" s="163">
        <v>0.29988188691440143</v>
      </c>
      <c r="M39" s="89">
        <v>1.5020169942289666E-2</v>
      </c>
      <c r="N39" s="163">
        <v>0.20759868214507307</v>
      </c>
      <c r="O39" s="89">
        <v>1.3300018210992307E-2</v>
      </c>
      <c r="P39" s="163">
        <v>0.40178236223849839</v>
      </c>
      <c r="Q39" s="89">
        <v>1.6068262271909963E-2</v>
      </c>
      <c r="R39" s="88">
        <v>9.0737068702027524E-2</v>
      </c>
      <c r="S39" s="89">
        <v>9.4342361478275787E-3</v>
      </c>
      <c r="T39" s="159">
        <v>3712</v>
      </c>
      <c r="U39" s="163">
        <v>0.28976239904789852</v>
      </c>
      <c r="V39" s="89">
        <v>1.488727849610906E-2</v>
      </c>
      <c r="W39" s="163">
        <v>0.1839019997555458</v>
      </c>
      <c r="X39" s="89">
        <v>1.2719421723788366E-2</v>
      </c>
      <c r="Y39" s="163">
        <v>0.44226890174535066</v>
      </c>
      <c r="Z39" s="89">
        <v>1.6294989609164812E-2</v>
      </c>
      <c r="AA39" s="88">
        <v>8.4066699451206095E-2</v>
      </c>
      <c r="AB39" s="89">
        <v>9.1260597318304666E-3</v>
      </c>
      <c r="AC39" s="159">
        <v>3716</v>
      </c>
      <c r="AD39" s="163">
        <v>0.18226540276901662</v>
      </c>
      <c r="AE39" s="89">
        <v>1.2668720141177653E-2</v>
      </c>
      <c r="AF39" s="163">
        <v>0.21106282447822419</v>
      </c>
      <c r="AG39" s="89">
        <v>1.3388116583072094E-2</v>
      </c>
      <c r="AH39" s="163">
        <v>0.54276596264550536</v>
      </c>
      <c r="AI39" s="89">
        <v>1.6335692286377296E-2</v>
      </c>
      <c r="AJ39" s="88">
        <v>6.3905810107254254E-2</v>
      </c>
      <c r="AK39" s="89">
        <v>8.0476152154377954E-3</v>
      </c>
    </row>
    <row r="40" spans="1:45">
      <c r="A40" s="44" t="s">
        <v>534</v>
      </c>
      <c r="B40" s="161">
        <v>1696</v>
      </c>
      <c r="C40" s="164">
        <v>0.26218105259730323</v>
      </c>
      <c r="D40" s="92">
        <v>2.134908675438503E-2</v>
      </c>
      <c r="E40" s="164">
        <v>0.20453443803438631</v>
      </c>
      <c r="F40" s="92">
        <v>1.9590540419652563E-2</v>
      </c>
      <c r="G40" s="164">
        <v>0.44881439399108691</v>
      </c>
      <c r="H40" s="92">
        <v>2.4126741253125892E-2</v>
      </c>
      <c r="I40" s="91">
        <v>8.4470115377223889E-2</v>
      </c>
      <c r="J40" s="92">
        <v>1.3560019141983298E-2</v>
      </c>
      <c r="K40" s="161">
        <v>1697</v>
      </c>
      <c r="L40" s="164">
        <v>0.31438212230134005</v>
      </c>
      <c r="M40" s="92">
        <v>2.2522200378999283E-2</v>
      </c>
      <c r="N40" s="164">
        <v>0.18607901827663448</v>
      </c>
      <c r="O40" s="92">
        <v>1.8900808398604349E-2</v>
      </c>
      <c r="P40" s="164">
        <v>0.4209789925915598</v>
      </c>
      <c r="Q40" s="92">
        <v>2.3943153017211279E-2</v>
      </c>
      <c r="R40" s="91">
        <v>7.8559866830465147E-2</v>
      </c>
      <c r="S40" s="92">
        <v>1.3122007918255884E-2</v>
      </c>
      <c r="T40" s="161">
        <v>1695</v>
      </c>
      <c r="U40" s="164">
        <v>0.2508595765980593</v>
      </c>
      <c r="V40" s="92">
        <v>2.1050737546370865E-2</v>
      </c>
      <c r="W40" s="164">
        <v>0.172407858069202</v>
      </c>
      <c r="X40" s="92">
        <v>1.8360596438706973E-2</v>
      </c>
      <c r="Y40" s="164">
        <v>0.48951038012926273</v>
      </c>
      <c r="Z40" s="92">
        <v>2.4255384667881085E-2</v>
      </c>
      <c r="AA40" s="91">
        <v>8.722218520347598E-2</v>
      </c>
      <c r="AB40" s="92">
        <v>1.3759544163066444E-2</v>
      </c>
      <c r="AC40" s="161">
        <v>1694</v>
      </c>
      <c r="AD40" s="164">
        <v>0.20636660374655161</v>
      </c>
      <c r="AE40" s="92">
        <v>1.966654719816471E-2</v>
      </c>
      <c r="AF40" s="164">
        <v>0.18569296884302944</v>
      </c>
      <c r="AG40" s="92">
        <v>1.8902513434795369E-2</v>
      </c>
      <c r="AH40" s="164">
        <v>0.5283288075722683</v>
      </c>
      <c r="AI40" s="92">
        <v>2.4229043267077706E-2</v>
      </c>
      <c r="AJ40" s="91">
        <v>7.9611619838151015E-2</v>
      </c>
      <c r="AK40" s="92">
        <v>1.3212520587958673E-2</v>
      </c>
    </row>
    <row r="41" spans="1:45">
      <c r="A41" s="40" t="s">
        <v>535</v>
      </c>
      <c r="B41" s="159">
        <v>923</v>
      </c>
      <c r="C41" s="163">
        <v>0.27704746566776617</v>
      </c>
      <c r="D41" s="89">
        <v>2.9429690221904399E-2</v>
      </c>
      <c r="E41" s="163">
        <v>0.21001815831111795</v>
      </c>
      <c r="F41" s="89">
        <v>2.6814690866330166E-2</v>
      </c>
      <c r="G41" s="163">
        <v>0.44805234862505527</v>
      </c>
      <c r="H41" s="89">
        <v>3.2668098495949226E-2</v>
      </c>
      <c r="I41" s="88">
        <v>6.4882027396060263E-2</v>
      </c>
      <c r="J41" s="89">
        <v>1.6396216098535157E-2</v>
      </c>
      <c r="K41" s="159">
        <v>923</v>
      </c>
      <c r="L41" s="163">
        <v>0.3449466303265335</v>
      </c>
      <c r="M41" s="89">
        <v>3.1239443660067916E-2</v>
      </c>
      <c r="N41" s="163">
        <v>0.17833157694065224</v>
      </c>
      <c r="O41" s="89">
        <v>2.5221388588481466E-2</v>
      </c>
      <c r="P41" s="163">
        <v>0.42451986946234255</v>
      </c>
      <c r="Q41" s="89">
        <v>3.2471167927758567E-2</v>
      </c>
      <c r="R41" s="88">
        <v>5.2201923270471108E-2</v>
      </c>
      <c r="S41" s="89">
        <v>1.4864169068026463E-2</v>
      </c>
      <c r="T41" s="159">
        <v>923</v>
      </c>
      <c r="U41" s="163">
        <v>0.20698675911999659</v>
      </c>
      <c r="V41" s="89">
        <v>2.6673347463577104E-2</v>
      </c>
      <c r="W41" s="163">
        <v>0.13633773330806107</v>
      </c>
      <c r="X41" s="89">
        <v>2.2649585375661717E-2</v>
      </c>
      <c r="Y41" s="163">
        <v>0.60688044635833494</v>
      </c>
      <c r="Z41" s="89">
        <v>3.2091760399082077E-2</v>
      </c>
      <c r="AA41" s="88">
        <v>4.979506121360764E-2</v>
      </c>
      <c r="AB41" s="89">
        <v>1.454982945058338E-2</v>
      </c>
      <c r="AC41" s="159">
        <v>923</v>
      </c>
      <c r="AD41" s="163">
        <v>0.1992022836269754</v>
      </c>
      <c r="AE41" s="89">
        <v>2.6300059619558155E-2</v>
      </c>
      <c r="AF41" s="163">
        <v>0.17704909778988107</v>
      </c>
      <c r="AG41" s="89">
        <v>2.5151181054354769E-2</v>
      </c>
      <c r="AH41" s="163">
        <v>0.57874229134033439</v>
      </c>
      <c r="AI41" s="89">
        <v>3.2438011253881134E-2</v>
      </c>
      <c r="AJ41" s="88">
        <v>4.5006327242808918E-2</v>
      </c>
      <c r="AK41" s="89">
        <v>1.389799129473316E-2</v>
      </c>
    </row>
    <row r="42" spans="1:45">
      <c r="A42" s="44" t="s">
        <v>536</v>
      </c>
      <c r="B42" s="161">
        <v>196</v>
      </c>
      <c r="C42" s="164">
        <v>0.2559405145311377</v>
      </c>
      <c r="D42" s="92">
        <v>6.2095691128706873E-2</v>
      </c>
      <c r="E42" s="164">
        <v>0.25513634999317519</v>
      </c>
      <c r="F42" s="92">
        <v>6.2034851157439543E-2</v>
      </c>
      <c r="G42" s="164">
        <v>0.41243548411472303</v>
      </c>
      <c r="H42" s="92">
        <v>6.966148007581939E-2</v>
      </c>
      <c r="I42" s="91">
        <v>7.6487651360963652E-2</v>
      </c>
      <c r="J42" s="92">
        <v>3.943096596444412E-2</v>
      </c>
      <c r="K42" s="161">
        <v>197</v>
      </c>
      <c r="L42" s="164">
        <v>0.32669188739081834</v>
      </c>
      <c r="M42" s="92">
        <v>6.6339673772707289E-2</v>
      </c>
      <c r="N42" s="164">
        <v>0.19162711820890105</v>
      </c>
      <c r="O42" s="92">
        <v>5.6189681424933968E-2</v>
      </c>
      <c r="P42" s="164">
        <v>0.42728617364768257</v>
      </c>
      <c r="Q42" s="92">
        <v>6.9814401478173804E-2</v>
      </c>
      <c r="R42" s="91">
        <v>5.4394820752597439E-2</v>
      </c>
      <c r="S42" s="92">
        <v>3.4341113195115444E-2</v>
      </c>
      <c r="T42" s="161">
        <v>197</v>
      </c>
      <c r="U42" s="164">
        <v>0.18264457700324996</v>
      </c>
      <c r="V42" s="92">
        <v>5.5225307030699076E-2</v>
      </c>
      <c r="W42" s="164">
        <v>0.13758876373101103</v>
      </c>
      <c r="X42" s="92">
        <v>4.964222624655093E-2</v>
      </c>
      <c r="Y42" s="164">
        <v>0.62541367903739831</v>
      </c>
      <c r="Z42" s="92">
        <v>6.8369961354883421E-2</v>
      </c>
      <c r="AA42" s="91">
        <v>5.435298022834046E-2</v>
      </c>
      <c r="AB42" s="92">
        <v>3.4330732575365785E-2</v>
      </c>
      <c r="AC42" s="161">
        <v>197</v>
      </c>
      <c r="AD42" s="164">
        <v>0.15644358423069279</v>
      </c>
      <c r="AE42" s="92">
        <v>5.2142170185438166E-2</v>
      </c>
      <c r="AF42" s="164">
        <v>0.17868697579993664</v>
      </c>
      <c r="AG42" s="92">
        <v>5.478609516811582E-2</v>
      </c>
      <c r="AH42" s="164">
        <v>0.59544577485088479</v>
      </c>
      <c r="AI42" s="92">
        <v>6.9289080672295708E-2</v>
      </c>
      <c r="AJ42" s="91">
        <v>6.9423665118485578E-2</v>
      </c>
      <c r="AK42" s="92">
        <v>3.7829031992751512E-2</v>
      </c>
    </row>
    <row r="43" spans="1:45">
      <c r="A43" s="40" t="s">
        <v>537</v>
      </c>
      <c r="B43" s="159">
        <v>72</v>
      </c>
      <c r="C43" s="163">
        <v>0.28400754926518734</v>
      </c>
      <c r="D43" s="89">
        <v>0.10466207372955372</v>
      </c>
      <c r="E43" s="163">
        <v>0.21646283020274246</v>
      </c>
      <c r="F43" s="89">
        <v>9.6748842665504764E-2</v>
      </c>
      <c r="G43" s="163">
        <v>0.4469951363216621</v>
      </c>
      <c r="H43" s="89">
        <v>0.11412791538127909</v>
      </c>
      <c r="I43" s="88">
        <v>5.2534484210408253E-2</v>
      </c>
      <c r="J43" s="89">
        <v>6.0826036594616349E-2</v>
      </c>
      <c r="K43" s="159">
        <v>73</v>
      </c>
      <c r="L43" s="163">
        <v>0.33500222345772912</v>
      </c>
      <c r="M43" s="89">
        <v>0.10823993586272486</v>
      </c>
      <c r="N43" s="163">
        <v>0.17595281197217058</v>
      </c>
      <c r="O43" s="89">
        <v>8.9911882899640236E-2</v>
      </c>
      <c r="P43" s="163">
        <v>0.45590697146417825</v>
      </c>
      <c r="Q43" s="89">
        <v>0.11356159780127202</v>
      </c>
      <c r="R43" s="88">
        <v>3.3137993105922171E-2</v>
      </c>
      <c r="S43" s="89">
        <v>5.3011583127264152E-2</v>
      </c>
      <c r="T43" s="159">
        <v>73</v>
      </c>
      <c r="U43" s="163">
        <v>0.19218139646868462</v>
      </c>
      <c r="V43" s="89">
        <v>9.2536101152599137E-2</v>
      </c>
      <c r="W43" s="163">
        <v>4.544313541642455E-2</v>
      </c>
      <c r="X43" s="89">
        <v>5.7789443935621382E-2</v>
      </c>
      <c r="Y43" s="163">
        <v>0.68808754091897784</v>
      </c>
      <c r="Z43" s="89">
        <v>0.10646702635833785</v>
      </c>
      <c r="AA43" s="88">
        <v>7.4287927195913345E-2</v>
      </c>
      <c r="AB43" s="89">
        <v>6.7269310459056958E-2</v>
      </c>
      <c r="AC43" s="159">
        <v>73</v>
      </c>
      <c r="AD43" s="163">
        <v>0.12476830692937479</v>
      </c>
      <c r="AE43" s="89">
        <v>8.0081019360268152E-2</v>
      </c>
      <c r="AF43" s="163">
        <v>0.22485278788060056</v>
      </c>
      <c r="AG43" s="89">
        <v>9.7222537258122688E-2</v>
      </c>
      <c r="AH43" s="163">
        <v>0.57234762772714876</v>
      </c>
      <c r="AI43" s="89">
        <v>0.11288323046992488</v>
      </c>
      <c r="AJ43" s="88">
        <v>7.8031277462876136E-2</v>
      </c>
      <c r="AK43" s="89">
        <v>6.8361674588098054E-2</v>
      </c>
    </row>
    <row r="44" spans="1:45">
      <c r="A44" s="44" t="s">
        <v>546</v>
      </c>
      <c r="B44" s="161">
        <v>781</v>
      </c>
      <c r="C44" s="164">
        <v>0.25671168772118502</v>
      </c>
      <c r="D44" s="92">
        <v>3.1230596002206221E-2</v>
      </c>
      <c r="E44" s="164">
        <v>0.20101632759743221</v>
      </c>
      <c r="F44" s="92">
        <v>2.8688303937429993E-2</v>
      </c>
      <c r="G44" s="164">
        <v>0.4487500238770824</v>
      </c>
      <c r="H44" s="92">
        <v>3.5505459470104035E-2</v>
      </c>
      <c r="I44" s="91">
        <v>9.3521960804301738E-2</v>
      </c>
      <c r="J44" s="92">
        <v>2.0988942090757606E-2</v>
      </c>
      <c r="K44" s="161">
        <v>782</v>
      </c>
      <c r="L44" s="164">
        <v>0.30203035524701399</v>
      </c>
      <c r="M44" s="92">
        <v>3.278474054717443E-2</v>
      </c>
      <c r="N44" s="164">
        <v>0.18913757288754307</v>
      </c>
      <c r="O44" s="92">
        <v>2.8026306762518827E-2</v>
      </c>
      <c r="P44" s="164">
        <v>0.41952430048575634</v>
      </c>
      <c r="Q44" s="92">
        <v>3.5208532607726807E-2</v>
      </c>
      <c r="R44" s="91">
        <v>8.9307771379688095E-2</v>
      </c>
      <c r="S44" s="92">
        <v>2.0557651674894761E-2</v>
      </c>
      <c r="T44" s="161">
        <v>780</v>
      </c>
      <c r="U44" s="164">
        <v>0.26956717717909162</v>
      </c>
      <c r="V44" s="92">
        <v>3.1738822666660997E-2</v>
      </c>
      <c r="W44" s="164">
        <v>0.18675497572215208</v>
      </c>
      <c r="X44" s="92">
        <v>2.7928137555872121E-2</v>
      </c>
      <c r="Y44" s="164">
        <v>0.4410394820420771</v>
      </c>
      <c r="Z44" s="92">
        <v>3.546765123683699E-2</v>
      </c>
      <c r="AA44" s="91">
        <v>0.10263836505668084</v>
      </c>
      <c r="AB44" s="92">
        <v>2.1865872127463652E-2</v>
      </c>
      <c r="AC44" s="161">
        <v>779</v>
      </c>
      <c r="AD44" s="164">
        <v>0.20831104081629978</v>
      </c>
      <c r="AE44" s="92">
        <v>2.9101893283248716E-2</v>
      </c>
      <c r="AF44" s="164">
        <v>0.18906414835768881</v>
      </c>
      <c r="AG44" s="92">
        <v>2.8076175787388261E-2</v>
      </c>
      <c r="AH44" s="164">
        <v>0.5086737004483024</v>
      </c>
      <c r="AI44" s="92">
        <v>3.5731761675712646E-2</v>
      </c>
      <c r="AJ44" s="91">
        <v>9.395111037771077E-2</v>
      </c>
      <c r="AK44" s="92">
        <v>2.1058157041749456E-2</v>
      </c>
    </row>
    <row r="45" spans="1:45">
      <c r="A45" s="40" t="s">
        <v>547</v>
      </c>
      <c r="B45" s="159">
        <v>127</v>
      </c>
      <c r="C45" s="163">
        <v>0.24985466818576998</v>
      </c>
      <c r="D45" s="89">
        <v>7.6405948038950747E-2</v>
      </c>
      <c r="E45" s="163">
        <v>0.23508393442742048</v>
      </c>
      <c r="F45" s="89">
        <v>7.496357976228768E-2</v>
      </c>
      <c r="G45" s="163">
        <v>0.37881485235758816</v>
      </c>
      <c r="H45" s="89">
        <v>8.4924270331136018E-2</v>
      </c>
      <c r="I45" s="88">
        <v>0.13624654502922184</v>
      </c>
      <c r="J45" s="89">
        <v>6.1938275276897319E-2</v>
      </c>
      <c r="K45" s="159">
        <v>127</v>
      </c>
      <c r="L45" s="163">
        <v>0.26950249750839228</v>
      </c>
      <c r="M45" s="89">
        <v>7.8159338468947931E-2</v>
      </c>
      <c r="N45" s="163">
        <v>0.17426408890710257</v>
      </c>
      <c r="O45" s="89">
        <v>6.7739243447797512E-2</v>
      </c>
      <c r="P45" s="163">
        <v>0.42273665887688006</v>
      </c>
      <c r="Q45" s="89">
        <v>8.6384435893794478E-2</v>
      </c>
      <c r="R45" s="88">
        <v>0.13349675470762559</v>
      </c>
      <c r="S45" s="89">
        <v>6.1471315186226505E-2</v>
      </c>
      <c r="T45" s="159">
        <v>127</v>
      </c>
      <c r="U45" s="163">
        <v>0.26055373721602237</v>
      </c>
      <c r="V45" s="89">
        <v>7.7383426414902007E-2</v>
      </c>
      <c r="W45" s="163">
        <v>0.1336892276364029</v>
      </c>
      <c r="X45" s="89">
        <v>6.1504230516020698E-2</v>
      </c>
      <c r="Y45" s="163">
        <v>0.44130231483455162</v>
      </c>
      <c r="Z45" s="89">
        <v>8.680271157920777E-2</v>
      </c>
      <c r="AA45" s="88">
        <v>0.16445472031302358</v>
      </c>
      <c r="AB45" s="89">
        <v>6.6350941993396376E-2</v>
      </c>
      <c r="AC45" s="159">
        <v>126</v>
      </c>
      <c r="AD45" s="163">
        <v>0.23491019258872747</v>
      </c>
      <c r="AE45" s="89">
        <v>7.5240196251721292E-2</v>
      </c>
      <c r="AF45" s="163">
        <v>0.12490602100632917</v>
      </c>
      <c r="AG45" s="89">
        <v>6.0212313659732564E-2</v>
      </c>
      <c r="AH45" s="163">
        <v>0.49523866115723131</v>
      </c>
      <c r="AI45" s="89">
        <v>8.7702066160677591E-2</v>
      </c>
      <c r="AJ45" s="88">
        <v>0.1449451252477128</v>
      </c>
      <c r="AK45" s="89">
        <v>6.3627393186691181E-2</v>
      </c>
    </row>
    <row r="46" spans="1:45">
      <c r="A46" s="44" t="s">
        <v>548</v>
      </c>
      <c r="B46" s="161">
        <v>99</v>
      </c>
      <c r="C46" s="164">
        <v>0.25627137548804441</v>
      </c>
      <c r="D46" s="92">
        <v>8.7048840865648874E-2</v>
      </c>
      <c r="E46" s="164">
        <v>0.28946642408837425</v>
      </c>
      <c r="F46" s="92">
        <v>9.0102732357288703E-2</v>
      </c>
      <c r="G46" s="164">
        <v>0.40039126613085579</v>
      </c>
      <c r="H46" s="92">
        <v>9.6709708629706514E-2</v>
      </c>
      <c r="I46" s="91">
        <v>5.3870934292725166E-2</v>
      </c>
      <c r="J46" s="92">
        <v>5.0675980713999959E-2</v>
      </c>
      <c r="K46" s="161">
        <v>98</v>
      </c>
      <c r="L46" s="164">
        <v>0.34548167455457185</v>
      </c>
      <c r="M46" s="92">
        <v>9.4549497291239418E-2</v>
      </c>
      <c r="N46" s="164">
        <v>0.1596796292759354</v>
      </c>
      <c r="O46" s="92">
        <v>7.4908491484854692E-2</v>
      </c>
      <c r="P46" s="164">
        <v>0.42446304737595497</v>
      </c>
      <c r="Q46" s="92">
        <v>9.7966162652696268E-2</v>
      </c>
      <c r="R46" s="91">
        <v>7.0375648793537443E-2</v>
      </c>
      <c r="S46" s="92">
        <v>5.5876507833268363E-2</v>
      </c>
      <c r="T46" s="161">
        <v>99</v>
      </c>
      <c r="U46" s="164">
        <v>0.1847489051436306</v>
      </c>
      <c r="V46" s="92">
        <v>7.837820917511007E-2</v>
      </c>
      <c r="W46" s="164">
        <v>0.23033122355948005</v>
      </c>
      <c r="X46" s="92">
        <v>8.4259729882958156E-2</v>
      </c>
      <c r="Y46" s="164">
        <v>0.50275898447305056</v>
      </c>
      <c r="Z46" s="92">
        <v>9.853154198983928E-2</v>
      </c>
      <c r="AA46" s="91">
        <v>8.2160886823837889E-2</v>
      </c>
      <c r="AB46" s="92">
        <v>5.8693715157209544E-2</v>
      </c>
      <c r="AC46" s="161">
        <v>99</v>
      </c>
      <c r="AD46" s="164">
        <v>0.21532271478196935</v>
      </c>
      <c r="AE46" s="92">
        <v>8.2469430536404389E-2</v>
      </c>
      <c r="AF46" s="164">
        <v>0.21136681286797832</v>
      </c>
      <c r="AG46" s="92">
        <v>8.1974623437964744E-2</v>
      </c>
      <c r="AH46" s="164">
        <v>0.50549738796346122</v>
      </c>
      <c r="AI46" s="92">
        <v>9.8527425668996388E-2</v>
      </c>
      <c r="AJ46" s="91">
        <v>6.7813084386590422E-2</v>
      </c>
      <c r="AK46" s="92">
        <v>5.4839707360757446E-2</v>
      </c>
    </row>
    <row r="47" spans="1:45">
      <c r="A47" s="40" t="s">
        <v>538</v>
      </c>
      <c r="B47" s="159">
        <v>125</v>
      </c>
      <c r="C47" s="163">
        <v>0.21289832143367501</v>
      </c>
      <c r="D47" s="89">
        <v>7.3158031972741358E-2</v>
      </c>
      <c r="E47" s="163">
        <v>0.16560778058809955</v>
      </c>
      <c r="F47" s="89">
        <v>6.7055176149343462E-2</v>
      </c>
      <c r="G47" s="163">
        <v>0.51095812564016174</v>
      </c>
      <c r="H47" s="89">
        <v>8.8025234380760639E-2</v>
      </c>
      <c r="I47" s="88">
        <v>0.1105357723380644</v>
      </c>
      <c r="J47" s="89">
        <v>5.7756085675835504E-2</v>
      </c>
      <c r="K47" s="159">
        <v>125</v>
      </c>
      <c r="L47" s="163">
        <v>0.36062166002101897</v>
      </c>
      <c r="M47" s="89">
        <v>8.4772332300392522E-2</v>
      </c>
      <c r="N47" s="163">
        <v>0.15300735946464944</v>
      </c>
      <c r="O47" s="89">
        <v>6.5164609566870743E-2</v>
      </c>
      <c r="P47" s="163">
        <v>0.44295902907219831</v>
      </c>
      <c r="Q47" s="89">
        <v>8.750547755588102E-2</v>
      </c>
      <c r="R47" s="88">
        <v>4.3411951442133903E-2</v>
      </c>
      <c r="S47" s="89">
        <v>4.1016331662732851E-2</v>
      </c>
      <c r="T47" s="159">
        <v>125</v>
      </c>
      <c r="U47" s="163">
        <v>0.15222981345206535</v>
      </c>
      <c r="V47" s="89">
        <v>6.5043818598651437E-2</v>
      </c>
      <c r="W47" s="163">
        <v>0.11270508534641593</v>
      </c>
      <c r="X47" s="89">
        <v>5.8179244767570519E-2</v>
      </c>
      <c r="Y47" s="163">
        <v>0.68524088900849778</v>
      </c>
      <c r="Z47" s="89">
        <v>8.2175994194721158E-2</v>
      </c>
      <c r="AA47" s="88">
        <v>4.9824212193021904E-2</v>
      </c>
      <c r="AB47" s="89">
        <v>4.303049610989805E-2</v>
      </c>
      <c r="AC47" s="159">
        <v>125</v>
      </c>
      <c r="AD47" s="163">
        <v>0.16178988819906159</v>
      </c>
      <c r="AE47" s="89">
        <v>6.6495357567243743E-2</v>
      </c>
      <c r="AF47" s="163">
        <v>0.19764059505624679</v>
      </c>
      <c r="AG47" s="89">
        <v>7.1345957638937793E-2</v>
      </c>
      <c r="AH47" s="163">
        <v>0.61261692963426873</v>
      </c>
      <c r="AI47" s="89">
        <v>8.5922580847031013E-2</v>
      </c>
      <c r="AJ47" s="88">
        <v>2.795258711042365E-2</v>
      </c>
      <c r="AK47" s="89">
        <v>3.5557937116738311E-2</v>
      </c>
    </row>
    <row r="48" spans="1:45">
      <c r="A48" s="44" t="s">
        <v>539</v>
      </c>
      <c r="B48" s="161">
        <v>96</v>
      </c>
      <c r="C48" s="164">
        <v>0.20621314497794929</v>
      </c>
      <c r="D48" s="92">
        <v>8.2572645340950129E-2</v>
      </c>
      <c r="E48" s="164">
        <v>0.139860677977583</v>
      </c>
      <c r="F48" s="92">
        <v>7.2240757112463402E-2</v>
      </c>
      <c r="G48" s="164">
        <v>0.55168900122020914</v>
      </c>
      <c r="H48" s="92">
        <v>9.9506323934928517E-2</v>
      </c>
      <c r="I48" s="91">
        <v>0.10223717582425812</v>
      </c>
      <c r="J48" s="92">
        <v>6.4556583684257887E-2</v>
      </c>
      <c r="K48" s="161">
        <v>96</v>
      </c>
      <c r="L48" s="164">
        <v>0.36775343373234748</v>
      </c>
      <c r="M48" s="92">
        <v>9.672269545597223E-2</v>
      </c>
      <c r="N48" s="164">
        <v>0.12236197319537442</v>
      </c>
      <c r="O48" s="92">
        <v>6.8868042599556423E-2</v>
      </c>
      <c r="P48" s="164">
        <v>0.45835750261107217</v>
      </c>
      <c r="Q48" s="92">
        <v>9.9679858680111297E-2</v>
      </c>
      <c r="R48" s="91">
        <v>5.1527090461205474E-2</v>
      </c>
      <c r="S48" s="92">
        <v>5.0848984546824245E-2</v>
      </c>
      <c r="T48" s="161">
        <v>96</v>
      </c>
      <c r="U48" s="164">
        <v>0.14750877745058832</v>
      </c>
      <c r="V48" s="92">
        <v>7.361824308808583E-2</v>
      </c>
      <c r="W48" s="164">
        <v>0.11463044643951724</v>
      </c>
      <c r="X48" s="92">
        <v>6.7270637608100134E-2</v>
      </c>
      <c r="Y48" s="164">
        <v>0.68967026849013702</v>
      </c>
      <c r="Z48" s="92">
        <v>9.3133369833504981E-2</v>
      </c>
      <c r="AA48" s="91">
        <v>4.8190507619757177E-2</v>
      </c>
      <c r="AB48" s="92">
        <v>4.9748212864243031E-2</v>
      </c>
      <c r="AC48" s="161">
        <v>96</v>
      </c>
      <c r="AD48" s="164">
        <v>0.1698034570542436</v>
      </c>
      <c r="AE48" s="92">
        <v>7.7335160431301939E-2</v>
      </c>
      <c r="AF48" s="164">
        <v>0.18305911177032272</v>
      </c>
      <c r="AG48" s="92">
        <v>7.935335482665308E-2</v>
      </c>
      <c r="AH48" s="164">
        <v>0.61395957492118503</v>
      </c>
      <c r="AI48" s="92">
        <v>9.7576919239241056E-2</v>
      </c>
      <c r="AJ48" s="91">
        <v>3.3177856254248288E-2</v>
      </c>
      <c r="AK48" s="92">
        <v>4.4345120388924353E-2</v>
      </c>
    </row>
    <row r="49" spans="1:37">
      <c r="A49" s="40" t="s">
        <v>540</v>
      </c>
      <c r="B49" s="159">
        <v>260</v>
      </c>
      <c r="C49" s="163">
        <v>0.23884097597175913</v>
      </c>
      <c r="D49" s="89">
        <v>5.2778424144411473E-2</v>
      </c>
      <c r="E49" s="163">
        <v>0.16794260742163947</v>
      </c>
      <c r="F49" s="89">
        <v>4.6556230494141627E-2</v>
      </c>
      <c r="G49" s="163">
        <v>0.52760076363258801</v>
      </c>
      <c r="H49" s="89">
        <v>6.1454726853597492E-2</v>
      </c>
      <c r="I49" s="88">
        <v>6.5615652974012062E-2</v>
      </c>
      <c r="J49" s="89">
        <v>3.1857826542742856E-2</v>
      </c>
      <c r="K49" s="159">
        <v>261</v>
      </c>
      <c r="L49" s="163">
        <v>0.29803749744971314</v>
      </c>
      <c r="M49" s="89">
        <v>5.6359120184308664E-2</v>
      </c>
      <c r="N49" s="163">
        <v>0.21864136609261528</v>
      </c>
      <c r="O49" s="89">
        <v>5.1131956489041112E-2</v>
      </c>
      <c r="P49" s="163">
        <v>0.42886728003178332</v>
      </c>
      <c r="Q49" s="89">
        <v>6.0823497684036526E-2</v>
      </c>
      <c r="R49" s="88">
        <v>5.4453856425887376E-2</v>
      </c>
      <c r="S49" s="89">
        <v>2.9444210438726106E-2</v>
      </c>
      <c r="T49" s="159">
        <v>261</v>
      </c>
      <c r="U49" s="163">
        <v>0.24095195221513899</v>
      </c>
      <c r="V49" s="89">
        <v>5.2830045455786248E-2</v>
      </c>
      <c r="W49" s="163">
        <v>0.121580564416717</v>
      </c>
      <c r="X49" s="89">
        <v>4.094896245565087E-2</v>
      </c>
      <c r="Y49" s="163">
        <v>0.58123480764670643</v>
      </c>
      <c r="Z49" s="89">
        <v>6.0637944459898903E-2</v>
      </c>
      <c r="AA49" s="88">
        <v>5.6232675721436046E-2</v>
      </c>
      <c r="AB49" s="89">
        <v>2.9834950586895548E-2</v>
      </c>
      <c r="AC49" s="159">
        <v>259</v>
      </c>
      <c r="AD49" s="163">
        <v>0.20284693610789634</v>
      </c>
      <c r="AE49" s="89">
        <v>4.9998564410455713E-2</v>
      </c>
      <c r="AF49" s="163">
        <v>0.1113480115210327</v>
      </c>
      <c r="AG49" s="89">
        <v>3.9677287420827087E-2</v>
      </c>
      <c r="AH49" s="163">
        <v>0.65696531126300917</v>
      </c>
      <c r="AI49" s="89">
        <v>5.8641871130268343E-2</v>
      </c>
      <c r="AJ49" s="88">
        <v>2.8839741108060674E-2</v>
      </c>
      <c r="AK49" s="89">
        <v>2.297602250148733E-2</v>
      </c>
    </row>
    <row r="50" spans="1:37" ht="25.5">
      <c r="A50" s="44" t="s">
        <v>541</v>
      </c>
      <c r="B50" s="161">
        <v>114</v>
      </c>
      <c r="C50" s="164">
        <v>0.218810848796228</v>
      </c>
      <c r="D50" s="92">
        <v>7.728492362842955E-2</v>
      </c>
      <c r="E50" s="164">
        <v>0.16015751615826904</v>
      </c>
      <c r="F50" s="92">
        <v>6.9429735702619094E-2</v>
      </c>
      <c r="G50" s="164">
        <v>0.54733305546180522</v>
      </c>
      <c r="H50" s="92">
        <v>9.1671650639269034E-2</v>
      </c>
      <c r="I50" s="91">
        <v>7.369857958369859E-2</v>
      </c>
      <c r="J50" s="92">
        <v>5.2198819784884047E-2</v>
      </c>
      <c r="K50" s="161">
        <v>114</v>
      </c>
      <c r="L50" s="164">
        <v>0.28465773660945592</v>
      </c>
      <c r="M50" s="92">
        <v>8.3710215953467462E-2</v>
      </c>
      <c r="N50" s="164">
        <v>0.24675830532573775</v>
      </c>
      <c r="O50" s="92">
        <v>8.0283995827842056E-2</v>
      </c>
      <c r="P50" s="164">
        <v>0.44973988050426555</v>
      </c>
      <c r="Q50" s="92">
        <v>9.1622341535145674E-2</v>
      </c>
      <c r="R50" s="91">
        <v>1.8844077560541281E-2</v>
      </c>
      <c r="S50" s="92">
        <v>3.3908457327973568E-2</v>
      </c>
      <c r="T50" s="161">
        <v>113</v>
      </c>
      <c r="U50" s="164">
        <v>0.18669033917436526</v>
      </c>
      <c r="V50" s="92">
        <v>7.3597268064742594E-2</v>
      </c>
      <c r="W50" s="164">
        <v>9.2613850239552639E-2</v>
      </c>
      <c r="X50" s="92">
        <v>5.7047130969324983E-2</v>
      </c>
      <c r="Y50" s="164">
        <v>0.68876497233706246</v>
      </c>
      <c r="Z50" s="92">
        <v>8.6085333983785345E-2</v>
      </c>
      <c r="AA50" s="91">
        <v>3.1930838249020453E-2</v>
      </c>
      <c r="AB50" s="92">
        <v>3.9499263577311712E-2</v>
      </c>
      <c r="AC50" s="161">
        <v>112</v>
      </c>
      <c r="AD50" s="164">
        <v>0.13382245159156048</v>
      </c>
      <c r="AE50" s="92">
        <v>6.5653709298526944E-2</v>
      </c>
      <c r="AF50" s="164">
        <v>9.0087927709857019E-2</v>
      </c>
      <c r="AG50" s="92">
        <v>5.6739097126043268E-2</v>
      </c>
      <c r="AH50" s="164">
        <v>0.73890155745194219</v>
      </c>
      <c r="AI50" s="92">
        <v>8.2377247491423611E-2</v>
      </c>
      <c r="AJ50" s="91">
        <v>3.7188063246641152E-2</v>
      </c>
      <c r="AK50" s="92">
        <v>4.1656427985673199E-2</v>
      </c>
    </row>
    <row r="51" spans="1:37" ht="25.5">
      <c r="A51" s="52" t="s">
        <v>549</v>
      </c>
      <c r="B51" s="159">
        <v>66</v>
      </c>
      <c r="C51" s="163">
        <v>0.37651221956001585</v>
      </c>
      <c r="D51" s="89">
        <v>0.11623713299819917</v>
      </c>
      <c r="E51" s="163">
        <v>0.19900880604183732</v>
      </c>
      <c r="F51" s="89">
        <v>9.840507322076808E-2</v>
      </c>
      <c r="G51" s="163">
        <v>0.3649987125142608</v>
      </c>
      <c r="H51" s="89">
        <v>0.11558498120657971</v>
      </c>
      <c r="I51" s="88">
        <v>5.9480261883886471E-2</v>
      </c>
      <c r="J51" s="89">
        <v>6.6541810140461635E-2</v>
      </c>
      <c r="K51" s="159">
        <v>67</v>
      </c>
      <c r="L51" s="163">
        <v>0.37940726039429762</v>
      </c>
      <c r="M51" s="89">
        <v>0.11556349077798347</v>
      </c>
      <c r="N51" s="163">
        <v>0.12246400328574443</v>
      </c>
      <c r="O51" s="89">
        <v>8.326921502257853E-2</v>
      </c>
      <c r="P51" s="163">
        <v>0.48018010796274607</v>
      </c>
      <c r="Q51" s="89">
        <v>0.11859510651307419</v>
      </c>
      <c r="R51" s="88">
        <v>1.794862835721216E-2</v>
      </c>
      <c r="S51" s="89">
        <v>4.9260366086959273E-2</v>
      </c>
      <c r="T51" s="159">
        <v>68</v>
      </c>
      <c r="U51" s="163">
        <v>0.36140211573467029</v>
      </c>
      <c r="V51" s="89">
        <v>0.113740863643625</v>
      </c>
      <c r="W51" s="163">
        <v>0.14172413246440987</v>
      </c>
      <c r="X51" s="89">
        <v>8.6764247842991124E-2</v>
      </c>
      <c r="Y51" s="163">
        <v>0.47282579045082751</v>
      </c>
      <c r="Z51" s="89">
        <v>0.11769577822981342</v>
      </c>
      <c r="AA51" s="88">
        <v>2.4047961350092791E-2</v>
      </c>
      <c r="AB51" s="89">
        <v>5.1607776815483897E-2</v>
      </c>
      <c r="AC51" s="159">
        <v>67</v>
      </c>
      <c r="AD51" s="163">
        <v>0.22991596626706162</v>
      </c>
      <c r="AE51" s="89">
        <v>0.10210248547824691</v>
      </c>
      <c r="AF51" s="163">
        <v>0.1883342061403972</v>
      </c>
      <c r="AG51" s="89">
        <v>9.5975636537785666E-2</v>
      </c>
      <c r="AH51" s="163">
        <v>0.58174982759254112</v>
      </c>
      <c r="AI51" s="89">
        <v>0.11725709609228448</v>
      </c>
      <c r="AJ51" s="88">
        <v>0</v>
      </c>
      <c r="AK51" s="89">
        <v>3.9271909274046654E-2</v>
      </c>
    </row>
    <row r="52" spans="1:37">
      <c r="A52" s="44" t="s">
        <v>543</v>
      </c>
      <c r="B52" s="161">
        <v>80</v>
      </c>
      <c r="C52" s="164">
        <v>0.17753949657244322</v>
      </c>
      <c r="D52" s="92">
        <v>8.6102477905131106E-2</v>
      </c>
      <c r="E52" s="164">
        <v>0.15859783706721001</v>
      </c>
      <c r="F52" s="92">
        <v>8.288856055767467E-2</v>
      </c>
      <c r="G52" s="164">
        <v>0.60539855998591174</v>
      </c>
      <c r="H52" s="92">
        <v>0.10688755545421109</v>
      </c>
      <c r="I52" s="91">
        <v>5.8464106374434631E-2</v>
      </c>
      <c r="J52" s="92">
        <v>5.9028251757719911E-2</v>
      </c>
      <c r="K52" s="161">
        <v>80</v>
      </c>
      <c r="L52" s="164">
        <v>0.26262793439504106</v>
      </c>
      <c r="M52" s="92">
        <v>9.7319545524328643E-2</v>
      </c>
      <c r="N52" s="164">
        <v>0.243584396610074</v>
      </c>
      <c r="O52" s="92">
        <v>9.5209981868329741E-2</v>
      </c>
      <c r="P52" s="164">
        <v>0.36624905781759914</v>
      </c>
      <c r="Q52" s="92">
        <v>0.10550871423447117</v>
      </c>
      <c r="R52" s="91">
        <v>0.12753861117728521</v>
      </c>
      <c r="S52" s="92">
        <v>7.6895129753853583E-2</v>
      </c>
      <c r="T52" s="161">
        <v>80</v>
      </c>
      <c r="U52" s="164">
        <v>0.23570844478797073</v>
      </c>
      <c r="V52" s="92">
        <v>9.427517150420324E-2</v>
      </c>
      <c r="W52" s="164">
        <v>0.14802695918862388</v>
      </c>
      <c r="X52" s="92">
        <v>8.0956376729981336E-2</v>
      </c>
      <c r="Y52" s="164">
        <v>0.50533546921888162</v>
      </c>
      <c r="Z52" s="92">
        <v>0.1091033104516301</v>
      </c>
      <c r="AA52" s="91">
        <v>0.11092912680452301</v>
      </c>
      <c r="AB52" s="92">
        <v>7.3256683336228284E-2</v>
      </c>
      <c r="AC52" s="161">
        <v>80</v>
      </c>
      <c r="AD52" s="164">
        <v>0.27907031406463378</v>
      </c>
      <c r="AE52" s="92">
        <v>9.8977620885925557E-2</v>
      </c>
      <c r="AF52" s="164">
        <v>8.9435559496138642E-2</v>
      </c>
      <c r="AG52" s="92">
        <v>6.8001486354097723E-2</v>
      </c>
      <c r="AH52" s="164">
        <v>0.59496953040960854</v>
      </c>
      <c r="AI52" s="92">
        <v>0.10730892411963898</v>
      </c>
      <c r="AJ52" s="91">
        <v>3.6524596029618411E-2</v>
      </c>
      <c r="AK52" s="92">
        <v>5.1251711479474292E-2</v>
      </c>
    </row>
    <row r="53" spans="1:37">
      <c r="A53" s="52" t="s">
        <v>544</v>
      </c>
      <c r="B53" s="159">
        <v>112</v>
      </c>
      <c r="C53" s="163">
        <v>0.32033318711818537</v>
      </c>
      <c r="D53" s="89">
        <v>8.7080555543586166E-2</v>
      </c>
      <c r="E53" s="163">
        <v>0.1653491999532242</v>
      </c>
      <c r="F53" s="89">
        <v>7.0856631813300305E-2</v>
      </c>
      <c r="G53" s="163">
        <v>0.49664086314800904</v>
      </c>
      <c r="H53" s="89">
        <v>9.2845715734188247E-2</v>
      </c>
      <c r="I53" s="88">
        <v>1.7676749780581331E-2</v>
      </c>
      <c r="J53" s="89">
        <v>3.3800381002782584E-2</v>
      </c>
      <c r="K53" s="159">
        <v>112</v>
      </c>
      <c r="L53" s="163">
        <v>0.35318274829216939</v>
      </c>
      <c r="M53" s="89">
        <v>8.9038084997729056E-2</v>
      </c>
      <c r="N53" s="163">
        <v>0.20567034027660536</v>
      </c>
      <c r="O53" s="89">
        <v>7.6393157835456277E-2</v>
      </c>
      <c r="P53" s="163">
        <v>0.43035130518784548</v>
      </c>
      <c r="Q53" s="89">
        <v>9.2004092652978847E-2</v>
      </c>
      <c r="R53" s="88">
        <v>1.0795606243379798E-2</v>
      </c>
      <c r="S53" s="89">
        <v>3.0455952566862166E-2</v>
      </c>
      <c r="T53" s="159">
        <v>112</v>
      </c>
      <c r="U53" s="163">
        <v>0.27192227091429216</v>
      </c>
      <c r="V53" s="89">
        <v>8.335761006662594E-2</v>
      </c>
      <c r="W53" s="163">
        <v>0.10996549320995994</v>
      </c>
      <c r="X53" s="89">
        <v>6.107759532388831E-2</v>
      </c>
      <c r="Y53" s="163">
        <v>0.59716272750421029</v>
      </c>
      <c r="Z53" s="89">
        <v>9.1198770126119294E-2</v>
      </c>
      <c r="AA53" s="88">
        <v>2.0949508371537445E-2</v>
      </c>
      <c r="AB53" s="89">
        <v>3.526481250801889E-2</v>
      </c>
      <c r="AC53" s="159">
        <v>112</v>
      </c>
      <c r="AD53" s="163">
        <v>0.26251279301212488</v>
      </c>
      <c r="AE53" s="89">
        <v>8.2508605701080387E-2</v>
      </c>
      <c r="AF53" s="163">
        <v>0.18229480679353111</v>
      </c>
      <c r="AG53" s="89">
        <v>7.3321336831231113E-2</v>
      </c>
      <c r="AH53" s="163">
        <v>0.52837331001451249</v>
      </c>
      <c r="AI53" s="89">
        <v>9.2708203401005843E-2</v>
      </c>
      <c r="AJ53" s="88">
        <v>2.6819090179831563E-2</v>
      </c>
      <c r="AK53" s="89">
        <v>3.7726322543948865E-2</v>
      </c>
    </row>
    <row r="54" spans="1:37">
      <c r="A54" s="44" t="s">
        <v>545</v>
      </c>
      <c r="B54" s="161">
        <v>123</v>
      </c>
      <c r="C54" s="164">
        <v>0.35962781436828367</v>
      </c>
      <c r="D54" s="92">
        <v>8.5392529809417458E-2</v>
      </c>
      <c r="E54" s="164">
        <v>0.20736482824636532</v>
      </c>
      <c r="F54" s="92">
        <v>7.3103110909785329E-2</v>
      </c>
      <c r="G54" s="164">
        <v>0.37622494531226991</v>
      </c>
      <c r="H54" s="92">
        <v>8.6147574191331636E-2</v>
      </c>
      <c r="I54" s="91">
        <v>5.678241207308149E-2</v>
      </c>
      <c r="J54" s="92">
        <v>4.5502474653286037E-2</v>
      </c>
      <c r="K54" s="161">
        <v>122</v>
      </c>
      <c r="L54" s="164">
        <v>0.38937385999531299</v>
      </c>
      <c r="M54" s="92">
        <v>8.7018798983626827E-2</v>
      </c>
      <c r="N54" s="164">
        <v>0.12952212351439982</v>
      </c>
      <c r="O54" s="92">
        <v>6.2060479399325783E-2</v>
      </c>
      <c r="P54" s="164">
        <v>0.39359488190460368</v>
      </c>
      <c r="Q54" s="92">
        <v>8.7175320635087483E-2</v>
      </c>
      <c r="R54" s="91">
        <v>8.7509134585683782E-2</v>
      </c>
      <c r="S54" s="92">
        <v>5.3595457412151375E-2</v>
      </c>
      <c r="T54" s="161">
        <v>121</v>
      </c>
      <c r="U54" s="164">
        <v>0.20519037491133063</v>
      </c>
      <c r="V54" s="92">
        <v>7.3443463991889099E-2</v>
      </c>
      <c r="W54" s="164">
        <v>0.12214468633406188</v>
      </c>
      <c r="X54" s="92">
        <v>6.098307635171811E-2</v>
      </c>
      <c r="Y54" s="164">
        <v>0.63019788633573126</v>
      </c>
      <c r="Z54" s="92">
        <v>8.6554685123919922E-2</v>
      </c>
      <c r="AA54" s="91">
        <v>4.2467052418876633E-2</v>
      </c>
      <c r="AB54" s="92">
        <v>4.1510199570082403E-2</v>
      </c>
      <c r="AC54" s="161">
        <v>123</v>
      </c>
      <c r="AD54" s="164">
        <v>0.22891612154661345</v>
      </c>
      <c r="AE54" s="92">
        <v>7.5518095248809924E-2</v>
      </c>
      <c r="AF54" s="164">
        <v>0.18537607527839983</v>
      </c>
      <c r="AG54" s="92">
        <v>7.0353229707391773E-2</v>
      </c>
      <c r="AH54" s="164">
        <v>0.54837606574262165</v>
      </c>
      <c r="AI54" s="92">
        <v>8.8345216156844014E-2</v>
      </c>
      <c r="AJ54" s="91">
        <v>3.7331737432365557E-2</v>
      </c>
      <c r="AK54" s="92">
        <v>3.9369017143763493E-2</v>
      </c>
    </row>
    <row r="61" spans="1:37" ht="18.75">
      <c r="A61" s="282" t="s">
        <v>231</v>
      </c>
      <c r="B61" s="282"/>
      <c r="C61" s="282"/>
      <c r="D61" s="282"/>
      <c r="E61" s="282"/>
      <c r="F61" s="282"/>
      <c r="G61" s="282"/>
      <c r="H61" s="282"/>
      <c r="I61" s="282"/>
      <c r="J61" s="282"/>
      <c r="K61" s="282"/>
      <c r="L61" s="282"/>
      <c r="M61" s="283"/>
    </row>
    <row r="62" spans="1:37" ht="62.25" customHeight="1">
      <c r="A62" s="406" t="s">
        <v>592</v>
      </c>
      <c r="B62" s="406"/>
      <c r="C62" s="406"/>
      <c r="D62" s="406"/>
      <c r="E62" s="406"/>
      <c r="F62" s="406"/>
      <c r="G62" s="406"/>
      <c r="H62" s="406"/>
      <c r="I62" s="406"/>
      <c r="J62" s="406"/>
      <c r="K62" s="406"/>
      <c r="L62" s="406"/>
      <c r="M62" s="283"/>
    </row>
    <row r="63" spans="1:37" ht="43.5" customHeight="1">
      <c r="A63" s="396" t="s">
        <v>232</v>
      </c>
      <c r="B63" s="397"/>
      <c r="C63" s="397"/>
      <c r="D63" s="397"/>
      <c r="E63" s="397"/>
      <c r="F63" s="397"/>
      <c r="G63" s="397"/>
      <c r="H63" s="397"/>
      <c r="I63" s="397"/>
      <c r="J63" s="397"/>
      <c r="K63" s="397"/>
      <c r="L63" s="397"/>
    </row>
    <row r="64" spans="1:37" ht="72">
      <c r="A64" s="32" t="s">
        <v>71</v>
      </c>
      <c r="B64" s="33" t="s">
        <v>72</v>
      </c>
      <c r="C64" s="34" t="s">
        <v>584</v>
      </c>
      <c r="D64" s="35" t="s">
        <v>73</v>
      </c>
      <c r="E64" s="33" t="s">
        <v>156</v>
      </c>
      <c r="F64" s="84" t="s">
        <v>85</v>
      </c>
      <c r="G64" s="33" t="s">
        <v>157</v>
      </c>
      <c r="H64" s="84" t="s">
        <v>86</v>
      </c>
      <c r="I64" s="33" t="s">
        <v>158</v>
      </c>
      <c r="J64" s="84" t="s">
        <v>87</v>
      </c>
      <c r="K64" s="33" t="s">
        <v>301</v>
      </c>
      <c r="L64" s="84" t="s">
        <v>300</v>
      </c>
    </row>
    <row r="65" spans="1:12" ht="84">
      <c r="A65" s="36"/>
      <c r="B65" s="37" t="s">
        <v>74</v>
      </c>
      <c r="C65" s="121" t="s">
        <v>305</v>
      </c>
      <c r="D65" s="39" t="s">
        <v>76</v>
      </c>
      <c r="E65" s="37" t="s">
        <v>159</v>
      </c>
      <c r="F65" s="86" t="s">
        <v>126</v>
      </c>
      <c r="G65" s="37" t="s">
        <v>160</v>
      </c>
      <c r="H65" s="86" t="s">
        <v>127</v>
      </c>
      <c r="I65" s="37" t="s">
        <v>161</v>
      </c>
      <c r="J65" s="86" t="s">
        <v>128</v>
      </c>
      <c r="K65" s="37" t="s">
        <v>301</v>
      </c>
      <c r="L65" s="86" t="s">
        <v>88</v>
      </c>
    </row>
    <row r="66" spans="1:12">
      <c r="A66" s="40" t="s">
        <v>350</v>
      </c>
      <c r="B66" s="159">
        <v>13859</v>
      </c>
      <c r="C66" s="160">
        <v>3.3104475129063768</v>
      </c>
      <c r="D66" s="81">
        <v>3.1669094122717165E-2</v>
      </c>
      <c r="E66" s="163">
        <v>0.54255580172524498</v>
      </c>
      <c r="F66" s="89">
        <v>8.4624003210506289E-3</v>
      </c>
      <c r="G66" s="163">
        <v>0.16628583039147191</v>
      </c>
      <c r="H66" s="89">
        <v>6.3261315830269163E-3</v>
      </c>
      <c r="I66" s="163">
        <v>0.26549245322642018</v>
      </c>
      <c r="J66" s="89">
        <v>7.5017214885631477E-3</v>
      </c>
      <c r="K66" s="88">
        <v>2.5665914656880798E-2</v>
      </c>
      <c r="L66" s="89">
        <v>2.6931346045782818E-3</v>
      </c>
    </row>
    <row r="67" spans="1:12">
      <c r="A67" s="44" t="s">
        <v>351</v>
      </c>
      <c r="B67" s="44">
        <v>10148</v>
      </c>
      <c r="C67" s="162">
        <v>3.4470646227759301</v>
      </c>
      <c r="D67" s="82">
        <v>3.72271457207521E-2</v>
      </c>
      <c r="E67" s="164">
        <v>0.5244856515499543</v>
      </c>
      <c r="F67" s="92">
        <v>9.9129569760614822E-3</v>
      </c>
      <c r="G67" s="164">
        <v>0.1647192407221065</v>
      </c>
      <c r="H67" s="92">
        <v>7.3651624716830916E-3</v>
      </c>
      <c r="I67" s="164">
        <v>0.29293758002893078</v>
      </c>
      <c r="J67" s="92">
        <v>9.0345395787262538E-3</v>
      </c>
      <c r="K67" s="91">
        <v>1.7857527699007364E-2</v>
      </c>
      <c r="L67" s="92">
        <v>2.6424569630790979E-3</v>
      </c>
    </row>
    <row r="68" spans="1:12">
      <c r="A68" s="40" t="s">
        <v>352</v>
      </c>
      <c r="B68" s="48">
        <v>3711</v>
      </c>
      <c r="C68" s="160">
        <v>3.1985662589926283</v>
      </c>
      <c r="D68" s="81">
        <v>5.8462623801175992E-2</v>
      </c>
      <c r="E68" s="163">
        <v>0.55714155715338731</v>
      </c>
      <c r="F68" s="89">
        <v>1.629941481269119E-2</v>
      </c>
      <c r="G68" s="163">
        <v>0.1675503408438978</v>
      </c>
      <c r="H68" s="89">
        <v>1.2265132901639974E-2</v>
      </c>
      <c r="I68" s="163">
        <v>0.24333946039829146</v>
      </c>
      <c r="J68" s="89">
        <v>1.4085573792214508E-2</v>
      </c>
      <c r="K68" s="88">
        <v>3.1968641604423968E-2</v>
      </c>
      <c r="L68" s="89">
        <v>5.8162171860015096E-3</v>
      </c>
    </row>
    <row r="69" spans="1:12">
      <c r="A69" s="44" t="s">
        <v>534</v>
      </c>
      <c r="B69" s="44">
        <v>1690</v>
      </c>
      <c r="C69" s="162">
        <v>3.2180655884538698</v>
      </c>
      <c r="D69" s="82">
        <v>8.9537760630182608E-2</v>
      </c>
      <c r="E69" s="164">
        <v>0.55901395363762918</v>
      </c>
      <c r="F69" s="92">
        <v>2.4127454800790989E-2</v>
      </c>
      <c r="G69" s="164">
        <v>0.1674668748109876</v>
      </c>
      <c r="H69" s="92">
        <v>1.8178137002817771E-2</v>
      </c>
      <c r="I69" s="164">
        <v>0.24369159073324836</v>
      </c>
      <c r="J69" s="92">
        <v>2.0878909683792878E-2</v>
      </c>
      <c r="K69" s="91">
        <v>2.9827580818134133E-2</v>
      </c>
      <c r="L69" s="92">
        <v>8.4138302628569504E-3</v>
      </c>
    </row>
    <row r="70" spans="1:12">
      <c r="A70" s="40" t="s">
        <v>535</v>
      </c>
      <c r="B70" s="48">
        <v>919</v>
      </c>
      <c r="C70" s="160">
        <v>3.5931856948649727</v>
      </c>
      <c r="D70" s="81">
        <v>0.12378508941799798</v>
      </c>
      <c r="E70" s="163">
        <v>0.4858358593937559</v>
      </c>
      <c r="F70" s="89">
        <v>3.2902305387357833E-2</v>
      </c>
      <c r="G70" s="163">
        <v>0.16789437965448856</v>
      </c>
      <c r="H70" s="89">
        <v>2.4689600474767669E-2</v>
      </c>
      <c r="I70" s="163">
        <v>0.32858777602431799</v>
      </c>
      <c r="J70" s="89">
        <v>3.0938513389076501E-2</v>
      </c>
      <c r="K70" s="88">
        <v>1.7681984927437076E-2</v>
      </c>
      <c r="L70" s="89">
        <v>9.1647409039939728E-3</v>
      </c>
    </row>
    <row r="71" spans="1:12">
      <c r="A71" s="44" t="s">
        <v>536</v>
      </c>
      <c r="B71" s="44">
        <v>197</v>
      </c>
      <c r="C71" s="162">
        <v>3.6699524448632364</v>
      </c>
      <c r="D71" s="82">
        <v>0.27300509915131049</v>
      </c>
      <c r="E71" s="164">
        <v>0.48000665772568163</v>
      </c>
      <c r="F71" s="92">
        <v>7.0480372732204311E-2</v>
      </c>
      <c r="G71" s="164">
        <v>0.15262136355851327</v>
      </c>
      <c r="H71" s="92">
        <v>5.1655798370134225E-2</v>
      </c>
      <c r="I71" s="164">
        <v>0.35935579647882682</v>
      </c>
      <c r="J71" s="92">
        <v>6.7801094729289135E-2</v>
      </c>
      <c r="K71" s="91">
        <v>8.0161822369778264E-3</v>
      </c>
      <c r="L71" s="92">
        <v>1.8656261730676495E-2</v>
      </c>
    </row>
    <row r="72" spans="1:12">
      <c r="A72" s="40" t="s">
        <v>537</v>
      </c>
      <c r="B72" s="48">
        <v>73</v>
      </c>
      <c r="C72" s="160">
        <v>3.9327043288906629</v>
      </c>
      <c r="D72" s="81">
        <v>0.42345374716347106</v>
      </c>
      <c r="E72" s="163">
        <v>0.45111819088949234</v>
      </c>
      <c r="F72" s="89">
        <v>0.11347003110662826</v>
      </c>
      <c r="G72" s="163">
        <v>0.14606356400344062</v>
      </c>
      <c r="H72" s="89">
        <v>8.4486566009781397E-2</v>
      </c>
      <c r="I72" s="163">
        <v>0.39212329594124407</v>
      </c>
      <c r="J72" s="89">
        <v>0.11155111596592127</v>
      </c>
      <c r="K72" s="88">
        <v>1.0694949165823085E-2</v>
      </c>
      <c r="L72" s="89">
        <v>4.2523769478163498E-2</v>
      </c>
    </row>
    <row r="73" spans="1:12">
      <c r="A73" s="44" t="s">
        <v>546</v>
      </c>
      <c r="B73" s="44">
        <v>779</v>
      </c>
      <c r="C73" s="162">
        <v>3.0601855287873017</v>
      </c>
      <c r="D73" s="82">
        <v>0.12391326685027501</v>
      </c>
      <c r="E73" s="164">
        <v>0.58901034614715631</v>
      </c>
      <c r="F73" s="92">
        <v>3.517211104107195E-2</v>
      </c>
      <c r="G73" s="164">
        <v>0.16631613608789059</v>
      </c>
      <c r="H73" s="92">
        <v>2.6723100904418349E-2</v>
      </c>
      <c r="I73" s="164">
        <v>0.20983825731865788</v>
      </c>
      <c r="J73" s="92">
        <v>2.9178989961444791E-2</v>
      </c>
      <c r="K73" s="91">
        <v>3.4835260446296451E-2</v>
      </c>
      <c r="L73" s="92">
        <v>1.3528623304667678E-2</v>
      </c>
    </row>
    <row r="74" spans="1:12">
      <c r="A74" s="40" t="s">
        <v>547</v>
      </c>
      <c r="B74" s="48">
        <v>127</v>
      </c>
      <c r="C74" s="160">
        <v>2.9457496620076857</v>
      </c>
      <c r="D74" s="81">
        <v>0.32693652765169517</v>
      </c>
      <c r="E74" s="163">
        <v>0.59160369598699247</v>
      </c>
      <c r="F74" s="89">
        <v>8.5981247964741506E-2</v>
      </c>
      <c r="G74" s="163">
        <v>0.13922701725404749</v>
      </c>
      <c r="H74" s="89">
        <v>6.2436540312461097E-2</v>
      </c>
      <c r="I74" s="163">
        <v>0.2190817910540391</v>
      </c>
      <c r="J74" s="89">
        <v>7.3272600464023244E-2</v>
      </c>
      <c r="K74" s="88">
        <v>5.0087495704921423E-2</v>
      </c>
      <c r="L74" s="89">
        <v>4.2713894788116387E-2</v>
      </c>
    </row>
    <row r="75" spans="1:12">
      <c r="A75" s="44" t="s">
        <v>548</v>
      </c>
      <c r="B75" s="44">
        <v>99</v>
      </c>
      <c r="C75" s="162">
        <v>3.2749581828681853</v>
      </c>
      <c r="D75" s="82">
        <v>0.3638399448082299</v>
      </c>
      <c r="E75" s="164">
        <v>0.54721230178983182</v>
      </c>
      <c r="F75" s="92">
        <v>9.8126283447707963E-2</v>
      </c>
      <c r="G75" s="164">
        <v>0.16938030094891401</v>
      </c>
      <c r="H75" s="92">
        <v>7.6072476587283222E-2</v>
      </c>
      <c r="I75" s="164">
        <v>0.24298771122258572</v>
      </c>
      <c r="J75" s="92">
        <v>8.566712999015802E-2</v>
      </c>
      <c r="K75" s="91">
        <v>4.0419686038668079E-2</v>
      </c>
      <c r="L75" s="92">
        <v>4.6162384433997415E-2</v>
      </c>
    </row>
    <row r="76" spans="1:12">
      <c r="A76" s="40" t="s">
        <v>538</v>
      </c>
      <c r="B76" s="159">
        <v>122</v>
      </c>
      <c r="C76" s="160">
        <v>3.8150329585456131</v>
      </c>
      <c r="D76" s="81">
        <v>0.32229580968788035</v>
      </c>
      <c r="E76" s="163">
        <v>0.43597809180001007</v>
      </c>
      <c r="F76" s="89">
        <v>8.8399760471913835E-2</v>
      </c>
      <c r="G76" s="163">
        <v>0.21043227896699157</v>
      </c>
      <c r="H76" s="89">
        <v>7.3762769918685259E-2</v>
      </c>
      <c r="I76" s="163">
        <v>0.35358962923299886</v>
      </c>
      <c r="J76" s="89">
        <v>8.5431382578129877E-2</v>
      </c>
      <c r="K76" s="88">
        <v>0</v>
      </c>
      <c r="L76" s="89">
        <v>2.226896426705402E-2</v>
      </c>
    </row>
    <row r="77" spans="1:12">
      <c r="A77" s="44" t="s">
        <v>539</v>
      </c>
      <c r="B77" s="161">
        <v>93</v>
      </c>
      <c r="C77" s="162">
        <v>3.7128225981152783</v>
      </c>
      <c r="D77" s="82">
        <v>0.35831999331950637</v>
      </c>
      <c r="E77" s="164">
        <v>0.458813670314275</v>
      </c>
      <c r="F77" s="92">
        <v>0.10121747614709188</v>
      </c>
      <c r="G77" s="164">
        <v>0.22525223640178385</v>
      </c>
      <c r="H77" s="92">
        <v>8.6301074265921165E-2</v>
      </c>
      <c r="I77" s="164">
        <v>0.31593409328394034</v>
      </c>
      <c r="J77" s="92">
        <v>9.5000027499935691E-2</v>
      </c>
      <c r="K77" s="91">
        <v>0</v>
      </c>
      <c r="L77" s="92">
        <v>2.885686812463846E-2</v>
      </c>
    </row>
    <row r="78" spans="1:12">
      <c r="A78" s="40" t="s">
        <v>540</v>
      </c>
      <c r="B78" s="78">
        <v>258</v>
      </c>
      <c r="C78" s="160">
        <v>3.6145729504031112</v>
      </c>
      <c r="D78" s="81">
        <v>0.22858087386565992</v>
      </c>
      <c r="E78" s="163">
        <v>0.45967713656169518</v>
      </c>
      <c r="F78" s="89">
        <v>6.1585084756142369E-2</v>
      </c>
      <c r="G78" s="163">
        <v>0.19968548975800107</v>
      </c>
      <c r="H78" s="89">
        <v>4.9815542161421769E-2</v>
      </c>
      <c r="I78" s="163">
        <v>0.31858295609050807</v>
      </c>
      <c r="J78" s="89">
        <v>5.7702201494530335E-2</v>
      </c>
      <c r="K78" s="88">
        <v>2.2054417589795046E-2</v>
      </c>
      <c r="L78" s="89">
        <v>2.0855664686020604E-2</v>
      </c>
    </row>
    <row r="79" spans="1:12" ht="25.5">
      <c r="A79" s="44" t="s">
        <v>541</v>
      </c>
      <c r="B79" s="161">
        <v>111</v>
      </c>
      <c r="C79" s="162">
        <v>3.4680793569588255</v>
      </c>
      <c r="D79" s="82">
        <v>0.33240395647112991</v>
      </c>
      <c r="E79" s="164">
        <v>0.48838257528795609</v>
      </c>
      <c r="F79" s="92">
        <v>9.3227027429799436E-2</v>
      </c>
      <c r="G79" s="164">
        <v>0.25041893807201199</v>
      </c>
      <c r="H79" s="92">
        <v>8.1713646118516642E-2</v>
      </c>
      <c r="I79" s="164">
        <v>0.25963350711863986</v>
      </c>
      <c r="J79" s="92">
        <v>8.2603979996497434E-2</v>
      </c>
      <c r="K79" s="91">
        <v>1.5649795213926645E-3</v>
      </c>
      <c r="L79" s="92">
        <v>2.5397411626479415E-2</v>
      </c>
    </row>
    <row r="80" spans="1:12" ht="25.5">
      <c r="A80" s="52" t="s">
        <v>549</v>
      </c>
      <c r="B80" s="159">
        <v>67</v>
      </c>
      <c r="C80" s="160">
        <v>3.7486846659147397</v>
      </c>
      <c r="D80" s="81">
        <v>0.45408210727458059</v>
      </c>
      <c r="E80" s="163">
        <v>0.42793055212861186</v>
      </c>
      <c r="F80" s="89">
        <v>0.11757520795592835</v>
      </c>
      <c r="G80" s="163">
        <v>0.15199349411926957</v>
      </c>
      <c r="H80" s="89">
        <v>8.9490925798514184E-2</v>
      </c>
      <c r="I80" s="163">
        <v>0.39945631657617414</v>
      </c>
      <c r="J80" s="89">
        <v>0.11652187797090856</v>
      </c>
      <c r="K80" s="88">
        <v>2.0619637175944696E-2</v>
      </c>
      <c r="L80" s="89">
        <v>5.0551132773334236E-2</v>
      </c>
    </row>
    <row r="81" spans="1:12">
      <c r="A81" s="44" t="s">
        <v>543</v>
      </c>
      <c r="B81" s="161">
        <v>80</v>
      </c>
      <c r="C81" s="162">
        <v>3.7315024428903416</v>
      </c>
      <c r="D81" s="82">
        <v>0.43341489571983061</v>
      </c>
      <c r="E81" s="164">
        <v>0.44183934389515317</v>
      </c>
      <c r="F81" s="92">
        <v>0.10843734770522497</v>
      </c>
      <c r="G81" s="164">
        <v>0.16259452865716098</v>
      </c>
      <c r="H81" s="92">
        <v>8.3592418217526818E-2</v>
      </c>
      <c r="I81" s="164">
        <v>0.34484807527948874</v>
      </c>
      <c r="J81" s="92">
        <v>0.10423551121945081</v>
      </c>
      <c r="K81" s="91">
        <v>5.071805216819654E-2</v>
      </c>
      <c r="L81" s="92">
        <v>5.6447290197767799E-2</v>
      </c>
    </row>
    <row r="82" spans="1:12">
      <c r="A82" s="52" t="s">
        <v>544</v>
      </c>
      <c r="B82" s="159">
        <v>113</v>
      </c>
      <c r="C82" s="160">
        <v>3.7874437076683471</v>
      </c>
      <c r="D82" s="81">
        <v>0.35847399292501492</v>
      </c>
      <c r="E82" s="163">
        <v>0.42359986403267413</v>
      </c>
      <c r="F82" s="89">
        <v>9.1437766726720243E-2</v>
      </c>
      <c r="G82" s="163">
        <v>0.19178614693385207</v>
      </c>
      <c r="H82" s="89">
        <v>7.4280278996298688E-2</v>
      </c>
      <c r="I82" s="163">
        <v>0.37311441394382855</v>
      </c>
      <c r="J82" s="89">
        <v>8.9630214970609995E-2</v>
      </c>
      <c r="K82" s="88">
        <v>1.1499575089645237E-2</v>
      </c>
      <c r="L82" s="89">
        <v>3.0609299328633304E-2</v>
      </c>
    </row>
    <row r="83" spans="1:12">
      <c r="A83" s="44" t="s">
        <v>545</v>
      </c>
      <c r="B83" s="161">
        <v>122</v>
      </c>
      <c r="C83" s="162">
        <v>3.282734978661233</v>
      </c>
      <c r="D83" s="82">
        <v>0.3587182793245538</v>
      </c>
      <c r="E83" s="164">
        <v>0.58604397792167606</v>
      </c>
      <c r="F83" s="92">
        <v>8.7841675787550519E-2</v>
      </c>
      <c r="G83" s="164">
        <v>0.11500928067735688</v>
      </c>
      <c r="H83" s="92">
        <v>5.9373295241240298E-2</v>
      </c>
      <c r="I83" s="164">
        <v>0.2673717788349026</v>
      </c>
      <c r="J83" s="92">
        <v>7.9535457129003451E-2</v>
      </c>
      <c r="K83" s="91">
        <v>3.157496256606495E-2</v>
      </c>
      <c r="L83" s="92">
        <v>3.7496414659839307E-2</v>
      </c>
    </row>
    <row r="90" spans="1:12" ht="18.75">
      <c r="A90" s="335" t="s">
        <v>43</v>
      </c>
      <c r="B90" s="335"/>
      <c r="C90" s="335"/>
      <c r="D90" s="335"/>
    </row>
    <row r="91" spans="1:12" ht="131.25" customHeight="1">
      <c r="A91" s="354" t="s">
        <v>389</v>
      </c>
      <c r="B91" s="354"/>
      <c r="C91" s="354"/>
      <c r="D91" s="354"/>
    </row>
    <row r="92" spans="1:12" ht="39" customHeight="1">
      <c r="A92" s="407" t="s">
        <v>390</v>
      </c>
      <c r="B92" s="395"/>
      <c r="C92" s="395"/>
      <c r="D92" s="395"/>
    </row>
    <row r="93" spans="1:12" ht="72">
      <c r="A93" s="32" t="s">
        <v>71</v>
      </c>
      <c r="B93" s="33" t="s">
        <v>72</v>
      </c>
      <c r="C93" s="34" t="s">
        <v>584</v>
      </c>
      <c r="D93" s="35" t="s">
        <v>73</v>
      </c>
    </row>
    <row r="94" spans="1:12" ht="72">
      <c r="A94" s="36"/>
      <c r="B94" s="37" t="s">
        <v>74</v>
      </c>
      <c r="C94" s="38" t="s">
        <v>391</v>
      </c>
      <c r="D94" s="39" t="s">
        <v>76</v>
      </c>
    </row>
    <row r="95" spans="1:12">
      <c r="A95" s="40" t="s">
        <v>350</v>
      </c>
      <c r="B95" s="149">
        <v>11256</v>
      </c>
      <c r="C95" s="79">
        <v>3.8226257740196408</v>
      </c>
      <c r="D95" s="80">
        <v>2.5223193844769246E-2</v>
      </c>
    </row>
    <row r="96" spans="1:12">
      <c r="A96" s="44" t="s">
        <v>351</v>
      </c>
      <c r="B96" s="44">
        <v>7943</v>
      </c>
      <c r="C96" s="151">
        <v>3.7928635880880677</v>
      </c>
      <c r="D96" s="152">
        <v>3.0618100296178771E-2</v>
      </c>
    </row>
    <row r="97" spans="1:4">
      <c r="A97" s="40" t="s">
        <v>352</v>
      </c>
      <c r="B97" s="48">
        <v>3313</v>
      </c>
      <c r="C97" s="79">
        <v>3.8457865537807923</v>
      </c>
      <c r="D97" s="80">
        <v>4.4179949484180525E-2</v>
      </c>
    </row>
    <row r="98" spans="1:4">
      <c r="A98" s="44" t="s">
        <v>534</v>
      </c>
      <c r="B98" s="44">
        <v>1411</v>
      </c>
      <c r="C98" s="151">
        <v>3.8324255248037464</v>
      </c>
      <c r="D98" s="152">
        <v>7.1523559333544831E-2</v>
      </c>
    </row>
    <row r="99" spans="1:4">
      <c r="A99" s="40" t="s">
        <v>535</v>
      </c>
      <c r="B99" s="48">
        <v>734</v>
      </c>
      <c r="C99" s="79">
        <v>3.7091044602514511</v>
      </c>
      <c r="D99" s="80">
        <v>0.10221248907896174</v>
      </c>
    </row>
    <row r="100" spans="1:4">
      <c r="A100" s="44" t="s">
        <v>536</v>
      </c>
      <c r="B100" s="44">
        <v>155</v>
      </c>
      <c r="C100" s="151">
        <v>4.0030364975848389</v>
      </c>
      <c r="D100" s="152">
        <v>0.23177445397004473</v>
      </c>
    </row>
    <row r="101" spans="1:4">
      <c r="A101" s="40" t="s">
        <v>537</v>
      </c>
      <c r="B101" s="48">
        <v>60</v>
      </c>
      <c r="C101" s="79">
        <v>4.2476015282795228</v>
      </c>
      <c r="D101" s="80">
        <v>0.38304078331472785</v>
      </c>
    </row>
    <row r="102" spans="1:4">
      <c r="A102" s="44" t="s">
        <v>546</v>
      </c>
      <c r="B102" s="44">
        <v>681</v>
      </c>
      <c r="C102" s="151">
        <v>3.893957016380742</v>
      </c>
      <c r="D102" s="152">
        <v>9.9712167582694647E-2</v>
      </c>
    </row>
    <row r="103" spans="1:4">
      <c r="A103" s="40" t="s">
        <v>547</v>
      </c>
      <c r="B103" s="48">
        <v>102</v>
      </c>
      <c r="C103" s="79">
        <v>3.9020006286168334</v>
      </c>
      <c r="D103" s="80">
        <v>0.28495838536388501</v>
      </c>
    </row>
    <row r="104" spans="1:4">
      <c r="A104" s="44" t="s">
        <v>548</v>
      </c>
      <c r="B104" s="44">
        <v>80</v>
      </c>
      <c r="C104" s="151">
        <v>3.6731735342634777</v>
      </c>
      <c r="D104" s="152">
        <v>0.27875264642112224</v>
      </c>
    </row>
    <row r="105" spans="1:4">
      <c r="A105" s="40" t="s">
        <v>538</v>
      </c>
      <c r="B105" s="149">
        <v>103</v>
      </c>
      <c r="C105" s="79">
        <v>3.5564603980391767</v>
      </c>
      <c r="D105" s="80">
        <v>0.26094182241123992</v>
      </c>
    </row>
    <row r="106" spans="1:4">
      <c r="A106" s="44" t="s">
        <v>539</v>
      </c>
      <c r="B106" s="150">
        <v>82</v>
      </c>
      <c r="C106" s="151">
        <v>3.4541179690214836</v>
      </c>
      <c r="D106" s="152">
        <v>0.27892642029296877</v>
      </c>
    </row>
    <row r="107" spans="1:4">
      <c r="A107" s="40" t="s">
        <v>540</v>
      </c>
      <c r="B107" s="78">
        <v>191</v>
      </c>
      <c r="C107" s="79">
        <v>3.6650943137764145</v>
      </c>
      <c r="D107" s="80">
        <v>0.20127572018328457</v>
      </c>
    </row>
    <row r="108" spans="1:4" ht="25.5">
      <c r="A108" s="44" t="s">
        <v>541</v>
      </c>
      <c r="B108" s="150">
        <v>78</v>
      </c>
      <c r="C108" s="151">
        <v>3.5994548560733097</v>
      </c>
      <c r="D108" s="152">
        <v>0.31406195023624023</v>
      </c>
    </row>
    <row r="109" spans="1:4" ht="25.5">
      <c r="A109" s="52" t="s">
        <v>549</v>
      </c>
      <c r="B109" s="149">
        <v>50</v>
      </c>
      <c r="C109" s="79">
        <v>3.8745107445721612</v>
      </c>
      <c r="D109" s="80">
        <v>0.40169022890779899</v>
      </c>
    </row>
    <row r="110" spans="1:4">
      <c r="A110" s="44" t="s">
        <v>543</v>
      </c>
      <c r="B110" s="150">
        <v>63</v>
      </c>
      <c r="C110" s="151">
        <v>3.615862194646883</v>
      </c>
      <c r="D110" s="152">
        <v>0.35100492927358273</v>
      </c>
    </row>
    <row r="111" spans="1:4">
      <c r="A111" s="52" t="s">
        <v>544</v>
      </c>
      <c r="B111" s="149">
        <v>108</v>
      </c>
      <c r="C111" s="79">
        <v>3.4170173347302559</v>
      </c>
      <c r="D111" s="80">
        <v>0.27297875722260678</v>
      </c>
    </row>
    <row r="112" spans="1:4">
      <c r="A112" s="44" t="s">
        <v>545</v>
      </c>
      <c r="B112" s="150">
        <v>93</v>
      </c>
      <c r="C112" s="151">
        <v>3.6783734907318317</v>
      </c>
      <c r="D112" s="152">
        <v>0.25582827875679953</v>
      </c>
    </row>
    <row r="119" spans="1:34" ht="18.75">
      <c r="A119" s="335" t="s">
        <v>503</v>
      </c>
      <c r="B119" s="335"/>
      <c r="C119" s="335"/>
      <c r="D119" s="335"/>
      <c r="E119" s="335"/>
      <c r="F119" s="335"/>
      <c r="G119" s="335"/>
      <c r="H119" s="335"/>
      <c r="I119" s="335"/>
      <c r="J119" s="335"/>
      <c r="K119" s="335"/>
      <c r="L119" s="335"/>
      <c r="M119" s="335"/>
      <c r="N119" s="335"/>
      <c r="O119" s="335"/>
      <c r="P119" s="335"/>
      <c r="Q119" s="335"/>
      <c r="R119" s="335"/>
      <c r="S119" s="335"/>
      <c r="T119" s="335"/>
      <c r="U119" s="335"/>
      <c r="V119" s="335"/>
      <c r="W119" s="335"/>
      <c r="X119" s="335"/>
      <c r="Y119" s="335"/>
      <c r="Z119" s="335"/>
      <c r="AA119" s="335"/>
      <c r="AB119" s="335"/>
      <c r="AC119" s="335"/>
      <c r="AD119" s="335"/>
      <c r="AE119" s="335"/>
      <c r="AF119" s="335"/>
      <c r="AG119" s="335"/>
      <c r="AH119" s="335"/>
    </row>
    <row r="120" spans="1:34" ht="75.75" customHeight="1">
      <c r="A120" s="408" t="s">
        <v>590</v>
      </c>
      <c r="B120" s="408"/>
      <c r="C120" s="408"/>
      <c r="D120" s="408"/>
      <c r="E120" s="408"/>
      <c r="F120" s="408"/>
      <c r="G120" s="408"/>
      <c r="H120" s="408"/>
      <c r="I120" s="408"/>
      <c r="J120" s="408"/>
      <c r="K120" s="408"/>
      <c r="L120" s="408"/>
      <c r="M120" s="408"/>
      <c r="N120" s="408"/>
      <c r="O120" s="408"/>
      <c r="P120" s="408"/>
      <c r="Q120" s="408"/>
      <c r="R120" s="408"/>
      <c r="S120" s="408"/>
      <c r="T120" s="408"/>
      <c r="U120" s="408"/>
      <c r="V120" s="408"/>
      <c r="W120" s="408"/>
      <c r="X120" s="408"/>
      <c r="Y120" s="408"/>
      <c r="Z120" s="408"/>
      <c r="AA120" s="408"/>
      <c r="AB120" s="408"/>
      <c r="AC120" s="408"/>
      <c r="AD120" s="408"/>
      <c r="AE120" s="408"/>
      <c r="AF120" s="408"/>
      <c r="AG120" s="408"/>
      <c r="AH120" s="408"/>
    </row>
    <row r="121" spans="1:34" ht="42" customHeight="1">
      <c r="A121" s="308"/>
      <c r="B121" s="396" t="s">
        <v>392</v>
      </c>
      <c r="C121" s="397"/>
      <c r="D121" s="397"/>
      <c r="E121" s="397"/>
      <c r="F121" s="397"/>
      <c r="G121" s="397"/>
      <c r="H121" s="397"/>
      <c r="I121" s="397"/>
      <c r="J121" s="397"/>
      <c r="K121" s="397"/>
      <c r="L121" s="397"/>
      <c r="M121" s="396" t="s">
        <v>393</v>
      </c>
      <c r="N121" s="397"/>
      <c r="O121" s="397"/>
      <c r="P121" s="397"/>
      <c r="Q121" s="397"/>
      <c r="R121" s="397"/>
      <c r="S121" s="397"/>
      <c r="T121" s="397"/>
      <c r="U121" s="397"/>
      <c r="V121" s="397"/>
      <c r="W121" s="397"/>
      <c r="X121" s="396" t="s">
        <v>269</v>
      </c>
      <c r="Y121" s="397"/>
      <c r="Z121" s="397"/>
      <c r="AA121" s="397"/>
      <c r="AB121" s="397"/>
      <c r="AC121" s="397"/>
      <c r="AD121" s="397"/>
      <c r="AE121" s="397"/>
      <c r="AF121" s="397"/>
      <c r="AG121" s="397"/>
      <c r="AH121" s="397"/>
    </row>
    <row r="122" spans="1:34" ht="72">
      <c r="A122" s="32" t="s">
        <v>71</v>
      </c>
      <c r="B122" s="33" t="s">
        <v>72</v>
      </c>
      <c r="C122" s="34" t="s">
        <v>584</v>
      </c>
      <c r="D122" s="35" t="s">
        <v>73</v>
      </c>
      <c r="E122" s="33" t="s">
        <v>158</v>
      </c>
      <c r="F122" s="35" t="s">
        <v>87</v>
      </c>
      <c r="G122" s="33" t="s">
        <v>157</v>
      </c>
      <c r="H122" s="35" t="s">
        <v>86</v>
      </c>
      <c r="I122" s="33" t="s">
        <v>156</v>
      </c>
      <c r="J122" s="35" t="s">
        <v>85</v>
      </c>
      <c r="K122" s="33" t="s">
        <v>301</v>
      </c>
      <c r="L122" s="84" t="s">
        <v>315</v>
      </c>
      <c r="M122" s="60" t="s">
        <v>72</v>
      </c>
      <c r="N122" s="61" t="s">
        <v>584</v>
      </c>
      <c r="O122" s="62" t="s">
        <v>73</v>
      </c>
      <c r="P122" s="60" t="s">
        <v>158</v>
      </c>
      <c r="Q122" s="62" t="s">
        <v>87</v>
      </c>
      <c r="R122" s="60" t="s">
        <v>157</v>
      </c>
      <c r="S122" s="62" t="s">
        <v>86</v>
      </c>
      <c r="T122" s="60" t="s">
        <v>156</v>
      </c>
      <c r="U122" s="62" t="s">
        <v>85</v>
      </c>
      <c r="V122" s="60" t="s">
        <v>301</v>
      </c>
      <c r="W122" s="83" t="s">
        <v>315</v>
      </c>
      <c r="X122" s="33" t="s">
        <v>72</v>
      </c>
      <c r="Y122" s="34" t="s">
        <v>584</v>
      </c>
      <c r="Z122" s="35" t="s">
        <v>73</v>
      </c>
      <c r="AA122" s="33" t="s">
        <v>346</v>
      </c>
      <c r="AB122" s="35" t="s">
        <v>347</v>
      </c>
      <c r="AC122" s="33" t="s">
        <v>343</v>
      </c>
      <c r="AD122" s="35" t="s">
        <v>345</v>
      </c>
      <c r="AE122" s="33" t="s">
        <v>348</v>
      </c>
      <c r="AF122" s="35" t="s">
        <v>349</v>
      </c>
      <c r="AG122" s="33" t="s">
        <v>301</v>
      </c>
      <c r="AH122" s="84" t="s">
        <v>315</v>
      </c>
    </row>
    <row r="123" spans="1:34" ht="84">
      <c r="A123" s="36"/>
      <c r="B123" s="37" t="s">
        <v>74</v>
      </c>
      <c r="C123" s="121" t="s">
        <v>568</v>
      </c>
      <c r="D123" s="39" t="s">
        <v>76</v>
      </c>
      <c r="E123" s="37" t="s">
        <v>161</v>
      </c>
      <c r="F123" s="39" t="s">
        <v>128</v>
      </c>
      <c r="G123" s="37" t="s">
        <v>160</v>
      </c>
      <c r="H123" s="39" t="s">
        <v>127</v>
      </c>
      <c r="I123" s="37" t="s">
        <v>159</v>
      </c>
      <c r="J123" s="39" t="s">
        <v>126</v>
      </c>
      <c r="K123" s="37" t="s">
        <v>301</v>
      </c>
      <c r="L123" s="86" t="s">
        <v>88</v>
      </c>
      <c r="M123" s="63" t="s">
        <v>74</v>
      </c>
      <c r="N123" s="252" t="s">
        <v>568</v>
      </c>
      <c r="O123" s="65" t="s">
        <v>76</v>
      </c>
      <c r="P123" s="63" t="s">
        <v>161</v>
      </c>
      <c r="Q123" s="65" t="s">
        <v>128</v>
      </c>
      <c r="R123" s="63" t="s">
        <v>160</v>
      </c>
      <c r="S123" s="65" t="s">
        <v>127</v>
      </c>
      <c r="T123" s="63" t="s">
        <v>159</v>
      </c>
      <c r="U123" s="65" t="s">
        <v>126</v>
      </c>
      <c r="V123" s="63" t="s">
        <v>301</v>
      </c>
      <c r="W123" s="85" t="s">
        <v>88</v>
      </c>
      <c r="X123" s="37" t="s">
        <v>74</v>
      </c>
      <c r="Y123" s="121" t="s">
        <v>569</v>
      </c>
      <c r="Z123" s="39" t="s">
        <v>76</v>
      </c>
      <c r="AA123" s="37" t="s">
        <v>342</v>
      </c>
      <c r="AB123" s="39" t="s">
        <v>88</v>
      </c>
      <c r="AC123" s="37" t="s">
        <v>344</v>
      </c>
      <c r="AD123" s="39" t="s">
        <v>88</v>
      </c>
      <c r="AE123" s="37" t="s">
        <v>159</v>
      </c>
      <c r="AF123" s="39" t="s">
        <v>88</v>
      </c>
      <c r="AG123" s="37" t="s">
        <v>301</v>
      </c>
      <c r="AH123" s="86" t="s">
        <v>88</v>
      </c>
    </row>
    <row r="124" spans="1:34">
      <c r="A124" s="40" t="s">
        <v>350</v>
      </c>
      <c r="B124" s="165">
        <v>12544</v>
      </c>
      <c r="C124" s="160">
        <v>3.2020242938552061</v>
      </c>
      <c r="D124" s="81">
        <v>3.153995798480589E-2</v>
      </c>
      <c r="E124" s="168">
        <v>0.54132231395590125</v>
      </c>
      <c r="F124" s="89">
        <v>8.8966286615720213E-3</v>
      </c>
      <c r="G124" s="167">
        <v>0.18931842611000591</v>
      </c>
      <c r="H124" s="89">
        <v>6.99602529067041E-3</v>
      </c>
      <c r="I124" s="167">
        <v>0.18067742109804744</v>
      </c>
      <c r="J124" s="89">
        <v>6.8709607644124732E-3</v>
      </c>
      <c r="K124" s="88">
        <v>8.8681838836064675E-2</v>
      </c>
      <c r="L124" s="89">
        <v>5.0790755597446618E-3</v>
      </c>
      <c r="M124" s="165">
        <v>13868</v>
      </c>
      <c r="N124" s="160">
        <v>4.2251086056961293</v>
      </c>
      <c r="O124" s="81">
        <v>3.4600329527097004E-2</v>
      </c>
      <c r="P124" s="168">
        <v>0.3086532060730165</v>
      </c>
      <c r="Q124" s="89">
        <v>7.8445007978317771E-3</v>
      </c>
      <c r="R124" s="167">
        <v>0.17006063879593769</v>
      </c>
      <c r="S124" s="89">
        <v>6.3809022605139723E-3</v>
      </c>
      <c r="T124" s="167">
        <v>0.38657136831239003</v>
      </c>
      <c r="U124" s="89">
        <v>8.2692117420913973E-3</v>
      </c>
      <c r="V124" s="88">
        <v>0.13471478681867408</v>
      </c>
      <c r="W124" s="89">
        <v>5.7995061308474616E-3</v>
      </c>
      <c r="X124" s="165">
        <v>12646</v>
      </c>
      <c r="Y124" s="160">
        <v>4.0793748706653501</v>
      </c>
      <c r="Z124" s="81">
        <v>3.006042364766669E-2</v>
      </c>
      <c r="AA124" s="168">
        <v>0.32015440915641791</v>
      </c>
      <c r="AB124" s="89">
        <v>8.2964064833803784E-3</v>
      </c>
      <c r="AC124" s="167">
        <v>0.21623776700014877</v>
      </c>
      <c r="AD124" s="89">
        <v>7.3216320227927588E-3</v>
      </c>
      <c r="AE124" s="167">
        <v>0.34397079789181911</v>
      </c>
      <c r="AF124" s="89">
        <v>8.4473778100156386E-3</v>
      </c>
      <c r="AG124" s="88">
        <v>0.11963702595163563</v>
      </c>
      <c r="AH124" s="89">
        <v>5.7734704206014557E-3</v>
      </c>
    </row>
    <row r="125" spans="1:34">
      <c r="A125" s="44" t="s">
        <v>351</v>
      </c>
      <c r="B125" s="166">
        <v>8843</v>
      </c>
      <c r="C125" s="162">
        <v>3.2124908083789454</v>
      </c>
      <c r="D125" s="82">
        <v>3.8363003004730611E-2</v>
      </c>
      <c r="E125" s="170">
        <v>0.53095192952762793</v>
      </c>
      <c r="F125" s="92">
        <v>1.0611310330756832E-2</v>
      </c>
      <c r="G125" s="169">
        <v>0.1800685870428696</v>
      </c>
      <c r="H125" s="92">
        <v>8.1728923267226986E-3</v>
      </c>
      <c r="I125" s="169">
        <v>0.19505282949331718</v>
      </c>
      <c r="J125" s="92">
        <v>8.4276800677694375E-3</v>
      </c>
      <c r="K125" s="91">
        <v>9.392665393618771E-2</v>
      </c>
      <c r="L125" s="92">
        <v>6.2085205488478408E-3</v>
      </c>
      <c r="M125" s="166">
        <v>10167</v>
      </c>
      <c r="N125" s="162">
        <v>4.2642339328417718</v>
      </c>
      <c r="O125" s="82">
        <v>4.1164911193939904E-2</v>
      </c>
      <c r="P125" s="170">
        <v>0.3051613242877792</v>
      </c>
      <c r="Q125" s="92">
        <v>9.132411585747565E-3</v>
      </c>
      <c r="R125" s="169">
        <v>0.1551825020099766</v>
      </c>
      <c r="S125" s="92">
        <v>7.1829990453528506E-3</v>
      </c>
      <c r="T125" s="169">
        <v>0.39409960450788062</v>
      </c>
      <c r="U125" s="92">
        <v>9.6908039136822926E-3</v>
      </c>
      <c r="V125" s="91">
        <v>0.14555656919436291</v>
      </c>
      <c r="W125" s="92">
        <v>6.9964568000390956E-3</v>
      </c>
      <c r="X125" s="166">
        <v>8860</v>
      </c>
      <c r="Y125" s="162">
        <v>3.9392030712344388</v>
      </c>
      <c r="Z125" s="82">
        <v>3.5301255594685318E-2</v>
      </c>
      <c r="AA125" s="170">
        <v>0.33611635361931547</v>
      </c>
      <c r="AB125" s="92">
        <v>1.0035280384670728E-2</v>
      </c>
      <c r="AC125" s="169">
        <v>0.22551111145911626</v>
      </c>
      <c r="AD125" s="92">
        <v>8.8795549367867554E-3</v>
      </c>
      <c r="AE125" s="169">
        <v>0.30451770882129348</v>
      </c>
      <c r="AF125" s="92">
        <v>9.7768688052502807E-3</v>
      </c>
      <c r="AG125" s="91">
        <v>0.1338548261002768</v>
      </c>
      <c r="AH125" s="92">
        <v>7.2369227002307725E-3</v>
      </c>
    </row>
    <row r="126" spans="1:34">
      <c r="A126" s="40" t="s">
        <v>352</v>
      </c>
      <c r="B126" s="165">
        <v>3701</v>
      </c>
      <c r="C126" s="160">
        <v>3.1938173255393223</v>
      </c>
      <c r="D126" s="81">
        <v>5.4962690047433468E-2</v>
      </c>
      <c r="E126" s="168">
        <v>0.54953826598148137</v>
      </c>
      <c r="F126" s="89">
        <v>1.634814408660501E-2</v>
      </c>
      <c r="G126" s="167">
        <v>0.19664662445651993</v>
      </c>
      <c r="H126" s="89">
        <v>1.3067883512336344E-2</v>
      </c>
      <c r="I126" s="167">
        <v>0.16928848305618316</v>
      </c>
      <c r="J126" s="89">
        <v>1.2332151755394649E-2</v>
      </c>
      <c r="K126" s="88">
        <v>8.4526626505818131E-2</v>
      </c>
      <c r="L126" s="89">
        <v>9.1621706207656636E-3</v>
      </c>
      <c r="M126" s="165">
        <v>3701</v>
      </c>
      <c r="N126" s="160">
        <v>4.1940876797281677</v>
      </c>
      <c r="O126" s="81">
        <v>6.3343293074124188E-2</v>
      </c>
      <c r="P126" s="168">
        <v>0.31148540377649131</v>
      </c>
      <c r="Q126" s="89">
        <v>1.5219099452797338E-2</v>
      </c>
      <c r="R126" s="167">
        <v>0.18212800746102167</v>
      </c>
      <c r="S126" s="89">
        <v>1.2690670667667259E-2</v>
      </c>
      <c r="T126" s="167">
        <v>0.3804653617017546</v>
      </c>
      <c r="U126" s="89">
        <v>1.5953451384760974E-2</v>
      </c>
      <c r="V126" s="88">
        <v>0.12592122706073255</v>
      </c>
      <c r="W126" s="89">
        <v>1.0915801530190013E-2</v>
      </c>
      <c r="X126" s="165">
        <v>3786</v>
      </c>
      <c r="Y126" s="160">
        <v>4.1849847042447967</v>
      </c>
      <c r="Z126" s="81">
        <v>5.6530235627231418E-2</v>
      </c>
      <c r="AA126" s="168">
        <v>0.30777769801184185</v>
      </c>
      <c r="AB126" s="89">
        <v>1.4997925589034594E-2</v>
      </c>
      <c r="AC126" s="167">
        <v>0.20904732062442041</v>
      </c>
      <c r="AD126" s="89">
        <v>1.3217288275458684E-2</v>
      </c>
      <c r="AE126" s="167">
        <v>0.37456227678848397</v>
      </c>
      <c r="AF126" s="89">
        <v>1.5725165049146072E-2</v>
      </c>
      <c r="AG126" s="88">
        <v>0.1086127045752539</v>
      </c>
      <c r="AH126" s="89">
        <v>1.0125292030321332E-2</v>
      </c>
    </row>
    <row r="127" spans="1:34">
      <c r="A127" s="44" t="s">
        <v>534</v>
      </c>
      <c r="B127" s="166">
        <v>1565</v>
      </c>
      <c r="C127" s="162">
        <v>3.2030901581301352</v>
      </c>
      <c r="D127" s="82">
        <v>8.841814961042313E-2</v>
      </c>
      <c r="E127" s="170">
        <v>0.53568727933030624</v>
      </c>
      <c r="F127" s="92">
        <v>2.5181705679628671E-2</v>
      </c>
      <c r="G127" s="169">
        <v>0.18056531338828935</v>
      </c>
      <c r="H127" s="92">
        <v>1.9456024227160806E-2</v>
      </c>
      <c r="I127" s="169">
        <v>0.193476699267387</v>
      </c>
      <c r="J127" s="92">
        <v>1.9975888588413968E-2</v>
      </c>
      <c r="K127" s="91">
        <v>9.0270708014017029E-2</v>
      </c>
      <c r="L127" s="92">
        <v>1.4544434556461067E-2</v>
      </c>
      <c r="M127" s="166">
        <v>1690</v>
      </c>
      <c r="N127" s="162">
        <v>4.2361442712224679</v>
      </c>
      <c r="O127" s="82">
        <v>9.8968927142250251E-2</v>
      </c>
      <c r="P127" s="170">
        <v>0.30045481424674197</v>
      </c>
      <c r="Q127" s="92">
        <v>2.2287672730772222E-2</v>
      </c>
      <c r="R127" s="169">
        <v>0.17258566375884951</v>
      </c>
      <c r="S127" s="92">
        <v>1.8395209632082354E-2</v>
      </c>
      <c r="T127" s="169">
        <v>0.37757206683298067</v>
      </c>
      <c r="U127" s="92">
        <v>2.3560422561207245E-2</v>
      </c>
      <c r="V127" s="91">
        <v>0.14938745516142748</v>
      </c>
      <c r="W127" s="92">
        <v>1.7361405793072174E-2</v>
      </c>
      <c r="X127" s="166">
        <v>1595</v>
      </c>
      <c r="Y127" s="162">
        <v>4.1105029834304441</v>
      </c>
      <c r="Z127" s="82">
        <v>8.3896169968111875E-2</v>
      </c>
      <c r="AA127" s="170">
        <v>0.31947721102744892</v>
      </c>
      <c r="AB127" s="92">
        <v>2.3329725246889903E-2</v>
      </c>
      <c r="AC127" s="169">
        <v>0.21120283740064041</v>
      </c>
      <c r="AD127" s="92">
        <v>2.0439997867680405E-2</v>
      </c>
      <c r="AE127" s="169">
        <v>0.34068651914416892</v>
      </c>
      <c r="AF127" s="92">
        <v>2.3711104645321876E-2</v>
      </c>
      <c r="AG127" s="91">
        <v>0.12863343242774136</v>
      </c>
      <c r="AH127" s="92">
        <v>1.6796319196801763E-2</v>
      </c>
    </row>
    <row r="128" spans="1:34">
      <c r="A128" s="40" t="s">
        <v>535</v>
      </c>
      <c r="B128" s="165">
        <v>803</v>
      </c>
      <c r="C128" s="160">
        <v>3.1392733467039493</v>
      </c>
      <c r="D128" s="81">
        <v>0.12667245833707688</v>
      </c>
      <c r="E128" s="168">
        <v>0.55474505856745415</v>
      </c>
      <c r="F128" s="89">
        <v>3.4992129770528485E-2</v>
      </c>
      <c r="G128" s="167">
        <v>0.17536199045088396</v>
      </c>
      <c r="H128" s="89">
        <v>2.6869027444081643E-2</v>
      </c>
      <c r="I128" s="167">
        <v>0.18525676649833236</v>
      </c>
      <c r="J128" s="89">
        <v>2.7440714812804082E-2</v>
      </c>
      <c r="K128" s="88">
        <v>8.4636184483328131E-2</v>
      </c>
      <c r="L128" s="89">
        <v>1.9810623600332301E-2</v>
      </c>
      <c r="M128" s="165">
        <v>923</v>
      </c>
      <c r="N128" s="160">
        <v>4.0992679102941247</v>
      </c>
      <c r="O128" s="81">
        <v>0.13677269310055126</v>
      </c>
      <c r="P128" s="168">
        <v>0.33197809194530231</v>
      </c>
      <c r="Q128" s="89">
        <v>3.0951243916136507E-2</v>
      </c>
      <c r="R128" s="167">
        <v>0.16394097198802682</v>
      </c>
      <c r="S128" s="89">
        <v>2.4405497509560864E-2</v>
      </c>
      <c r="T128" s="167">
        <v>0.36564437264367089</v>
      </c>
      <c r="U128" s="89">
        <v>3.164692029411767E-2</v>
      </c>
      <c r="V128" s="88">
        <v>0.13843656342299962</v>
      </c>
      <c r="W128" s="89">
        <v>2.2792874370004528E-2</v>
      </c>
      <c r="X128" s="165">
        <v>806</v>
      </c>
      <c r="Y128" s="160">
        <v>3.9798259395230131</v>
      </c>
      <c r="Z128" s="81">
        <v>0.11424180816779442</v>
      </c>
      <c r="AA128" s="168">
        <v>0.35579562972207718</v>
      </c>
      <c r="AB128" s="89">
        <v>3.3658412938368909E-2</v>
      </c>
      <c r="AC128" s="167">
        <v>0.21550523542085942</v>
      </c>
      <c r="AD128" s="89">
        <v>2.8962311448850971E-2</v>
      </c>
      <c r="AE128" s="167">
        <v>0.30126961106512118</v>
      </c>
      <c r="AF128" s="89">
        <v>3.2271635009220104E-2</v>
      </c>
      <c r="AG128" s="88">
        <v>0.12742952379194111</v>
      </c>
      <c r="AH128" s="89">
        <v>2.3576385539386215E-2</v>
      </c>
    </row>
    <row r="129" spans="1:34">
      <c r="A129" s="44" t="s">
        <v>536</v>
      </c>
      <c r="B129" s="166">
        <v>180</v>
      </c>
      <c r="C129" s="162">
        <v>3.5016885681743339</v>
      </c>
      <c r="D129" s="82">
        <v>0.28119866978082897</v>
      </c>
      <c r="E129" s="170">
        <v>0.43328383530608733</v>
      </c>
      <c r="F129" s="92">
        <v>7.309023214581177E-2</v>
      </c>
      <c r="G129" s="169">
        <v>0.19426929051185099</v>
      </c>
      <c r="H129" s="92">
        <v>5.9077790984100403E-2</v>
      </c>
      <c r="I129" s="169">
        <v>0.2393892250578584</v>
      </c>
      <c r="J129" s="92">
        <v>6.3417677229900368E-2</v>
      </c>
      <c r="K129" s="91">
        <v>0.1330576491242029</v>
      </c>
      <c r="L129" s="92">
        <v>5.1318248798191274E-2</v>
      </c>
      <c r="M129" s="166">
        <v>197</v>
      </c>
      <c r="N129" s="162">
        <v>4.3449811827630729</v>
      </c>
      <c r="O129" s="82">
        <v>0.30496684013988423</v>
      </c>
      <c r="P129" s="170">
        <v>0.29465546997895803</v>
      </c>
      <c r="Q129" s="92">
        <v>6.4568246677596267E-2</v>
      </c>
      <c r="R129" s="169">
        <v>0.12945997492386901</v>
      </c>
      <c r="S129" s="92">
        <v>4.8481496291246269E-2</v>
      </c>
      <c r="T129" s="169">
        <v>0.38896118829666287</v>
      </c>
      <c r="U129" s="92">
        <v>6.8843499850669218E-2</v>
      </c>
      <c r="V129" s="91">
        <v>0.18692336680050958</v>
      </c>
      <c r="W129" s="92">
        <v>5.5690219469457534E-2</v>
      </c>
      <c r="X129" s="166">
        <v>181</v>
      </c>
      <c r="Y129" s="162">
        <v>4.2749728602330794</v>
      </c>
      <c r="Z129" s="82">
        <v>0.26433166084220705</v>
      </c>
      <c r="AA129" s="170">
        <v>0.27807429333630818</v>
      </c>
      <c r="AB129" s="92">
        <v>6.6227410010406745E-2</v>
      </c>
      <c r="AC129" s="169">
        <v>0.15589390490811839</v>
      </c>
      <c r="AD129" s="92">
        <v>5.4357381785916183E-2</v>
      </c>
      <c r="AE129" s="169">
        <v>0.37135979037934419</v>
      </c>
      <c r="AF129" s="92">
        <v>7.1154124689828846E-2</v>
      </c>
      <c r="AG129" s="91">
        <v>0.19467201137622897</v>
      </c>
      <c r="AH129" s="92">
        <v>5.8957171127344284E-2</v>
      </c>
    </row>
    <row r="130" spans="1:34">
      <c r="A130" s="40" t="s">
        <v>537</v>
      </c>
      <c r="B130" s="165">
        <v>68</v>
      </c>
      <c r="C130" s="160">
        <v>3.572971773099082</v>
      </c>
      <c r="D130" s="81">
        <v>0.47455576571548092</v>
      </c>
      <c r="E130" s="168">
        <v>0.42311284687961709</v>
      </c>
      <c r="F130" s="89">
        <v>0.1166016409636144</v>
      </c>
      <c r="G130" s="167">
        <v>0.18626220280728112</v>
      </c>
      <c r="H130" s="89">
        <v>9.4927345550737549E-2</v>
      </c>
      <c r="I130" s="167">
        <v>0.2696716657932432</v>
      </c>
      <c r="J130" s="89">
        <v>0.10611306644131571</v>
      </c>
      <c r="K130" s="88">
        <v>0.12095328451985869</v>
      </c>
      <c r="L130" s="89">
        <v>8.2274671274949002E-2</v>
      </c>
      <c r="M130" s="165">
        <v>73</v>
      </c>
      <c r="N130" s="160">
        <v>4.7153867586086236</v>
      </c>
      <c r="O130" s="81">
        <v>0.5091837891063703</v>
      </c>
      <c r="P130" s="168">
        <v>0.21555998665762768</v>
      </c>
      <c r="Q130" s="89">
        <v>9.5965734229901414E-2</v>
      </c>
      <c r="R130" s="167">
        <v>0.12282182055530784</v>
      </c>
      <c r="S130" s="89">
        <v>7.9652922364108369E-2</v>
      </c>
      <c r="T130" s="167">
        <v>0.48027690925567057</v>
      </c>
      <c r="U130" s="89">
        <v>0.11388085949152835</v>
      </c>
      <c r="V130" s="88">
        <v>0.18134128353139395</v>
      </c>
      <c r="W130" s="89">
        <v>9.080664737860053E-2</v>
      </c>
      <c r="X130" s="165">
        <v>69</v>
      </c>
      <c r="Y130" s="160">
        <v>4.4199067735561801</v>
      </c>
      <c r="Z130" s="81">
        <v>0.4122355872185855</v>
      </c>
      <c r="AA130" s="168">
        <v>0.22702482255800063</v>
      </c>
      <c r="AB130" s="89">
        <v>0.10025362380420287</v>
      </c>
      <c r="AC130" s="167">
        <v>0.16452455444811531</v>
      </c>
      <c r="AD130" s="89">
        <v>9.0493891081424013E-2</v>
      </c>
      <c r="AE130" s="167">
        <v>0.40504046966033763</v>
      </c>
      <c r="AF130" s="89">
        <v>0.11513989401398657</v>
      </c>
      <c r="AG130" s="88">
        <v>0.20341015333354664</v>
      </c>
      <c r="AH130" s="89">
        <v>9.6914143762674695E-2</v>
      </c>
    </row>
    <row r="131" spans="1:34">
      <c r="A131" s="44" t="s">
        <v>546</v>
      </c>
      <c r="B131" s="166">
        <v>769</v>
      </c>
      <c r="C131" s="162">
        <v>3.2432511812653946</v>
      </c>
      <c r="D131" s="82">
        <v>0.12362027734306474</v>
      </c>
      <c r="E131" s="170">
        <v>0.52455676535511986</v>
      </c>
      <c r="F131" s="92">
        <v>3.5924542891054012E-2</v>
      </c>
      <c r="G131" s="169">
        <v>0.18256593493272644</v>
      </c>
      <c r="H131" s="92">
        <v>2.7885902800547431E-2</v>
      </c>
      <c r="I131" s="169">
        <v>0.19874030718884295</v>
      </c>
      <c r="J131" s="92">
        <v>2.8790130713608333E-2</v>
      </c>
      <c r="K131" s="91">
        <v>9.4136992523312257E-2</v>
      </c>
      <c r="L131" s="92">
        <v>2.1214800249304604E-2</v>
      </c>
      <c r="M131" s="166">
        <v>775</v>
      </c>
      <c r="N131" s="162">
        <v>4.3042017803326225</v>
      </c>
      <c r="O131" s="82">
        <v>0.14216278589972042</v>
      </c>
      <c r="P131" s="170">
        <v>0.28512723477722762</v>
      </c>
      <c r="Q131" s="92">
        <v>3.2389052407510548E-2</v>
      </c>
      <c r="R131" s="169">
        <v>0.17530292796051353</v>
      </c>
      <c r="S131" s="92">
        <v>2.7347592330251844E-2</v>
      </c>
      <c r="T131" s="169">
        <v>0.38348610861039661</v>
      </c>
      <c r="U131" s="92">
        <v>3.4852601391833174E-2</v>
      </c>
      <c r="V131" s="91">
        <v>0.15608372865186435</v>
      </c>
      <c r="W131" s="92">
        <v>2.6126300211914467E-2</v>
      </c>
      <c r="X131" s="166">
        <v>796</v>
      </c>
      <c r="Y131" s="162">
        <v>4.1618064869133544</v>
      </c>
      <c r="Z131" s="82">
        <v>0.12237340961184814</v>
      </c>
      <c r="AA131" s="170">
        <v>0.3044854441495255</v>
      </c>
      <c r="AB131" s="92">
        <v>3.2569568788790179E-2</v>
      </c>
      <c r="AC131" s="169">
        <v>0.20827669291978193</v>
      </c>
      <c r="AD131" s="92">
        <v>2.8787706527519837E-2</v>
      </c>
      <c r="AE131" s="169">
        <v>0.35554169748762454</v>
      </c>
      <c r="AF131" s="92">
        <v>3.3862956098210141E-2</v>
      </c>
      <c r="AG131" s="91">
        <v>0.13169616544307003</v>
      </c>
      <c r="AH131" s="92">
        <v>2.4052585246007466E-2</v>
      </c>
    </row>
    <row r="132" spans="1:34">
      <c r="A132" s="40" t="s">
        <v>547</v>
      </c>
      <c r="B132" s="165">
        <v>127</v>
      </c>
      <c r="C132" s="160">
        <v>3.3502902674913302</v>
      </c>
      <c r="D132" s="81">
        <v>0.35504057259257654</v>
      </c>
      <c r="E132" s="168">
        <v>0.46819944200015817</v>
      </c>
      <c r="F132" s="89">
        <v>8.7204163170703383E-2</v>
      </c>
      <c r="G132" s="167">
        <v>0.12432956858418004</v>
      </c>
      <c r="H132" s="89">
        <v>5.9862097755123987E-2</v>
      </c>
      <c r="I132" s="167">
        <v>0.26345203843725434</v>
      </c>
      <c r="J132" s="89">
        <v>7.7638816911100361E-2</v>
      </c>
      <c r="K132" s="88">
        <v>0.144018950978408</v>
      </c>
      <c r="L132" s="89">
        <v>6.3220955678406826E-2</v>
      </c>
      <c r="M132" s="165">
        <v>127</v>
      </c>
      <c r="N132" s="160">
        <v>4.3427748861988231</v>
      </c>
      <c r="O132" s="81">
        <v>0.38667610960943805</v>
      </c>
      <c r="P132" s="168">
        <v>0.25810034084726441</v>
      </c>
      <c r="Q132" s="89">
        <v>7.7164137642195971E-2</v>
      </c>
      <c r="R132" s="167">
        <v>0.10604077301774843</v>
      </c>
      <c r="S132" s="89">
        <v>5.6387298325628735E-2</v>
      </c>
      <c r="T132" s="167">
        <v>0.40559141176441804</v>
      </c>
      <c r="U132" s="89">
        <v>8.5894132013504404E-2</v>
      </c>
      <c r="V132" s="88">
        <v>0.23026747437056957</v>
      </c>
      <c r="W132" s="89">
        <v>7.4469036218278259E-2</v>
      </c>
      <c r="X132" s="165">
        <v>127</v>
      </c>
      <c r="Y132" s="160">
        <v>3.8233972934220222</v>
      </c>
      <c r="Z132" s="81">
        <v>0.32685073601930836</v>
      </c>
      <c r="AA132" s="168">
        <v>0.33215531791285136</v>
      </c>
      <c r="AB132" s="89">
        <v>8.261421690187995E-2</v>
      </c>
      <c r="AC132" s="167">
        <v>0.17737938764508304</v>
      </c>
      <c r="AD132" s="89">
        <v>6.8165755882762954E-2</v>
      </c>
      <c r="AE132" s="167">
        <v>0.27351237536360345</v>
      </c>
      <c r="AF132" s="89">
        <v>7.8495032978012955E-2</v>
      </c>
      <c r="AG132" s="88">
        <v>0.21695291907846262</v>
      </c>
      <c r="AH132" s="89">
        <v>7.3037105117176995E-2</v>
      </c>
    </row>
    <row r="133" spans="1:34">
      <c r="A133" s="44" t="s">
        <v>548</v>
      </c>
      <c r="B133" s="166">
        <v>88</v>
      </c>
      <c r="C133" s="162">
        <v>2.9068155638481223</v>
      </c>
      <c r="D133" s="82">
        <v>0.3451859421461102</v>
      </c>
      <c r="E133" s="170">
        <v>0.62177340110299406</v>
      </c>
      <c r="F133" s="92">
        <v>0.10138876204687508</v>
      </c>
      <c r="G133" s="169">
        <v>0.12745038458716121</v>
      </c>
      <c r="H133" s="92">
        <v>7.3132812574704067E-2</v>
      </c>
      <c r="I133" s="169">
        <v>0.17263538501672959</v>
      </c>
      <c r="J133" s="92">
        <v>8.1280176894323611E-2</v>
      </c>
      <c r="K133" s="91">
        <v>7.8140829293114916E-2</v>
      </c>
      <c r="L133" s="92">
        <v>6.1564265932408407E-2</v>
      </c>
      <c r="M133" s="166">
        <v>99</v>
      </c>
      <c r="N133" s="162">
        <v>4.1578260187148963</v>
      </c>
      <c r="O133" s="82">
        <v>0.37900931242157593</v>
      </c>
      <c r="P133" s="170">
        <v>0.31709591823297889</v>
      </c>
      <c r="Q133" s="92">
        <v>9.2241558071137E-2</v>
      </c>
      <c r="R133" s="169">
        <v>0.17858254098863655</v>
      </c>
      <c r="S133" s="92">
        <v>7.7474461849723675E-2</v>
      </c>
      <c r="T133" s="169">
        <v>0.35627627704231329</v>
      </c>
      <c r="U133" s="92">
        <v>9.4697623490001992E-2</v>
      </c>
      <c r="V133" s="91">
        <v>0.14804526373607083</v>
      </c>
      <c r="W133" s="92">
        <v>7.2557224082021629E-2</v>
      </c>
      <c r="X133" s="166">
        <v>88</v>
      </c>
      <c r="Y133" s="162">
        <v>4.1102968146176044</v>
      </c>
      <c r="Z133" s="82">
        <v>0.37732604684613824</v>
      </c>
      <c r="AA133" s="170">
        <v>0.36923557462401335</v>
      </c>
      <c r="AB133" s="92">
        <v>0.10094235114599708</v>
      </c>
      <c r="AC133" s="169">
        <v>0.18755840758233494</v>
      </c>
      <c r="AD133" s="92">
        <v>8.35839564224308E-2</v>
      </c>
      <c r="AE133" s="169">
        <v>0.3209784361828667</v>
      </c>
      <c r="AF133" s="92">
        <v>9.7952415541752991E-2</v>
      </c>
      <c r="AG133" s="91">
        <v>0.12222758161078474</v>
      </c>
      <c r="AH133" s="92">
        <v>7.2059143011386606E-2</v>
      </c>
    </row>
    <row r="134" spans="1:34">
      <c r="A134" s="40" t="s">
        <v>538</v>
      </c>
      <c r="B134" s="165">
        <v>109</v>
      </c>
      <c r="C134" s="160">
        <v>2.7576667669181396</v>
      </c>
      <c r="D134" s="81">
        <v>0.31250593538922533</v>
      </c>
      <c r="E134" s="168">
        <v>0.67611746139344864</v>
      </c>
      <c r="F134" s="89">
        <v>8.8475724038252421E-2</v>
      </c>
      <c r="G134" s="167">
        <v>0.14339842883898279</v>
      </c>
      <c r="H134" s="89">
        <v>6.8272952166909956E-2</v>
      </c>
      <c r="I134" s="167">
        <v>0.15225127000741451</v>
      </c>
      <c r="J134" s="89">
        <v>6.9760817704427505E-2</v>
      </c>
      <c r="K134" s="88">
        <v>2.8232839760154952E-2</v>
      </c>
      <c r="L134" s="89">
        <v>3.8975202961539876E-2</v>
      </c>
      <c r="M134" s="165">
        <v>125</v>
      </c>
      <c r="N134" s="160">
        <v>3.8594640002222724</v>
      </c>
      <c r="O134" s="81">
        <v>0.36012032317840592</v>
      </c>
      <c r="P134" s="168">
        <v>0.38867880168607832</v>
      </c>
      <c r="Q134" s="89">
        <v>8.5971727323866196E-2</v>
      </c>
      <c r="R134" s="167">
        <v>0.19521952223961378</v>
      </c>
      <c r="S134" s="89">
        <v>7.1045402705336824E-2</v>
      </c>
      <c r="T134" s="167">
        <v>0.34174134880031509</v>
      </c>
      <c r="U134" s="89">
        <v>8.3801786481873475E-2</v>
      </c>
      <c r="V134" s="88">
        <v>7.436032727399329E-2</v>
      </c>
      <c r="W134" s="89">
        <v>4.9772185915340536E-2</v>
      </c>
      <c r="X134" s="165">
        <v>108</v>
      </c>
      <c r="Y134" s="160">
        <v>4.1862961568704327</v>
      </c>
      <c r="Z134" s="81">
        <v>0.275111495799644</v>
      </c>
      <c r="AA134" s="168">
        <v>0.24750864963599276</v>
      </c>
      <c r="AB134" s="89">
        <v>8.2531489157837881E-2</v>
      </c>
      <c r="AC134" s="167">
        <v>0.32448859388157403</v>
      </c>
      <c r="AD134" s="89">
        <v>8.891343282263714E-2</v>
      </c>
      <c r="AE134" s="167">
        <v>0.30293925858765897</v>
      </c>
      <c r="AF134" s="89">
        <v>8.740123273017994E-2</v>
      </c>
      <c r="AG134" s="88">
        <v>0.12506349789477453</v>
      </c>
      <c r="AH134" s="89">
        <v>6.5269921145598278E-2</v>
      </c>
    </row>
    <row r="135" spans="1:34">
      <c r="A135" s="44" t="s">
        <v>539</v>
      </c>
      <c r="B135" s="166">
        <v>87</v>
      </c>
      <c r="C135" s="162">
        <v>2.6054663492035979</v>
      </c>
      <c r="D135" s="82">
        <v>0.313432019601042</v>
      </c>
      <c r="E135" s="170">
        <v>0.70899766277745813</v>
      </c>
      <c r="F135" s="92">
        <v>9.6094180755005421E-2</v>
      </c>
      <c r="G135" s="169">
        <v>0.15038266544754111</v>
      </c>
      <c r="H135" s="92">
        <v>7.7962302882413181E-2</v>
      </c>
      <c r="I135" s="169">
        <v>0.11832255730483576</v>
      </c>
      <c r="J135" s="92">
        <v>7.1667022821418791E-2</v>
      </c>
      <c r="K135" s="91">
        <v>2.2297114470164664E-2</v>
      </c>
      <c r="L135" s="92">
        <v>4.2669485049515607E-2</v>
      </c>
      <c r="M135" s="166">
        <v>96</v>
      </c>
      <c r="N135" s="162">
        <v>3.7913597600988602</v>
      </c>
      <c r="O135" s="82">
        <v>0.4092074807789427</v>
      </c>
      <c r="P135" s="170">
        <v>0.39187015670925818</v>
      </c>
      <c r="Q135" s="92">
        <v>9.7821182722334726E-2</v>
      </c>
      <c r="R135" s="169">
        <v>0.20680586715928329</v>
      </c>
      <c r="S135" s="92">
        <v>8.2650271373082909E-2</v>
      </c>
      <c r="T135" s="169">
        <v>0.334958245259458</v>
      </c>
      <c r="U135" s="92">
        <v>9.4846558104656017E-2</v>
      </c>
      <c r="V135" s="91">
        <v>6.636573087199997E-2</v>
      </c>
      <c r="W135" s="92">
        <v>5.5390812631634048E-2</v>
      </c>
      <c r="X135" s="166">
        <v>86</v>
      </c>
      <c r="Y135" s="162">
        <v>4.154788167460473</v>
      </c>
      <c r="Z135" s="82">
        <v>0.29350387910902098</v>
      </c>
      <c r="AA135" s="170">
        <v>0.22972067416835174</v>
      </c>
      <c r="AB135" s="92">
        <v>9.0258444357573409E-2</v>
      </c>
      <c r="AC135" s="169">
        <v>0.33928905051468988</v>
      </c>
      <c r="AD135" s="92">
        <v>0.10031434936086193</v>
      </c>
      <c r="AE135" s="169">
        <v>0.28985236722818652</v>
      </c>
      <c r="AF135" s="92">
        <v>9.6534680553805916E-2</v>
      </c>
      <c r="AG135" s="91">
        <v>0.14113790808877105</v>
      </c>
      <c r="AH135" s="92">
        <v>7.6713291262789626E-2</v>
      </c>
    </row>
    <row r="136" spans="1:34">
      <c r="A136" s="40" t="s">
        <v>540</v>
      </c>
      <c r="B136" s="165">
        <v>205</v>
      </c>
      <c r="C136" s="160">
        <v>3.0689760777252548</v>
      </c>
      <c r="D136" s="81">
        <v>0.2531095060980007</v>
      </c>
      <c r="E136" s="168">
        <v>0.5902152877519955</v>
      </c>
      <c r="F136" s="89">
        <v>6.8079569773385099E-2</v>
      </c>
      <c r="G136" s="167">
        <v>0.15497370079141048</v>
      </c>
      <c r="H136" s="89">
        <v>5.0918815915360419E-2</v>
      </c>
      <c r="I136" s="167">
        <v>0.20143748625453256</v>
      </c>
      <c r="J136" s="89">
        <v>5.6065548685796981E-2</v>
      </c>
      <c r="K136" s="88">
        <v>5.3373525202061921E-2</v>
      </c>
      <c r="L136" s="89">
        <v>3.3342399548696881E-2</v>
      </c>
      <c r="M136" s="165">
        <v>261</v>
      </c>
      <c r="N136" s="160">
        <v>4.3004723891724259</v>
      </c>
      <c r="O136" s="81">
        <v>0.25298882842343584</v>
      </c>
      <c r="P136" s="168">
        <v>0.30096698171699182</v>
      </c>
      <c r="Q136" s="89">
        <v>5.6511509012556395E-2</v>
      </c>
      <c r="R136" s="167">
        <v>0.14933218009996629</v>
      </c>
      <c r="S136" s="89">
        <v>4.4419323056776976E-2</v>
      </c>
      <c r="T136" s="167">
        <v>0.4329150870422418</v>
      </c>
      <c r="U136" s="89">
        <v>6.0890802327464175E-2</v>
      </c>
      <c r="V136" s="88">
        <v>0.1167857511407992</v>
      </c>
      <c r="W136" s="89">
        <v>4.0290770241423753E-2</v>
      </c>
      <c r="X136" s="165">
        <v>207</v>
      </c>
      <c r="Y136" s="160">
        <v>3.8179514948976068</v>
      </c>
      <c r="Z136" s="81">
        <v>0.21631259871030223</v>
      </c>
      <c r="AA136" s="168">
        <v>0.3821451258940296</v>
      </c>
      <c r="AB136" s="89">
        <v>6.6976952013952429E-2</v>
      </c>
      <c r="AC136" s="167">
        <v>0.22485844267068955</v>
      </c>
      <c r="AD136" s="89">
        <v>5.7949179974785138E-2</v>
      </c>
      <c r="AE136" s="167">
        <v>0.25768632380888684</v>
      </c>
      <c r="AF136" s="89">
        <v>6.0564356413912529E-2</v>
      </c>
      <c r="AG136" s="88">
        <v>0.13531010762639475</v>
      </c>
      <c r="AH136" s="89">
        <v>4.8090769349979641E-2</v>
      </c>
    </row>
    <row r="137" spans="1:34" ht="25.5">
      <c r="A137" s="44" t="s">
        <v>541</v>
      </c>
      <c r="B137" s="166">
        <v>83</v>
      </c>
      <c r="C137" s="162">
        <v>3.0330042517385363</v>
      </c>
      <c r="D137" s="82">
        <v>0.38677200225448671</v>
      </c>
      <c r="E137" s="170">
        <v>0.65591036136103031</v>
      </c>
      <c r="F137" s="92">
        <v>0.10235745275920174</v>
      </c>
      <c r="G137" s="169">
        <v>0.12684069430749526</v>
      </c>
      <c r="H137" s="92">
        <v>7.5280984797434281E-2</v>
      </c>
      <c r="I137" s="169">
        <v>0.16348963254937629</v>
      </c>
      <c r="J137" s="92">
        <v>8.2192429202879363E-2</v>
      </c>
      <c r="K137" s="91">
        <v>5.375931178209805E-2</v>
      </c>
      <c r="L137" s="92">
        <v>5.6225810035819911E-2</v>
      </c>
      <c r="M137" s="166">
        <v>113</v>
      </c>
      <c r="N137" s="162">
        <v>4.3639919690301872</v>
      </c>
      <c r="O137" s="82">
        <v>0.38790017668300575</v>
      </c>
      <c r="P137" s="170">
        <v>0.29865950998235952</v>
      </c>
      <c r="Q137" s="92">
        <v>8.5171813075510611E-2</v>
      </c>
      <c r="R137" s="169">
        <v>0.10031442211354466</v>
      </c>
      <c r="S137" s="92">
        <v>5.8758581781431389E-2</v>
      </c>
      <c r="T137" s="169">
        <v>0.47787353361543566</v>
      </c>
      <c r="U137" s="92">
        <v>9.2365554471231737E-2</v>
      </c>
      <c r="V137" s="91">
        <v>0.12315253428866085</v>
      </c>
      <c r="W137" s="92">
        <v>6.3388736456194236E-2</v>
      </c>
      <c r="X137" s="166">
        <v>83</v>
      </c>
      <c r="Y137" s="162">
        <v>3.7009428843708179</v>
      </c>
      <c r="Z137" s="82">
        <v>0.31424977062609494</v>
      </c>
      <c r="AA137" s="170">
        <v>0.42630830994144275</v>
      </c>
      <c r="AB137" s="92">
        <v>0.10614616003353844</v>
      </c>
      <c r="AC137" s="169">
        <v>0.1958210797404682</v>
      </c>
      <c r="AD137" s="92">
        <v>8.7306469486853402E-2</v>
      </c>
      <c r="AE137" s="169">
        <v>0.24734733644091469</v>
      </c>
      <c r="AF137" s="92">
        <v>9.3931114447595512E-2</v>
      </c>
      <c r="AG137" s="91">
        <v>0.13052327387717433</v>
      </c>
      <c r="AH137" s="92">
        <v>7.6037286717116959E-2</v>
      </c>
    </row>
    <row r="138" spans="1:34" ht="25.5">
      <c r="A138" s="52" t="s">
        <v>549</v>
      </c>
      <c r="B138" s="165">
        <v>51</v>
      </c>
      <c r="C138" s="160">
        <v>3.2289666886931734</v>
      </c>
      <c r="D138" s="81">
        <v>0.50501806698527685</v>
      </c>
      <c r="E138" s="168">
        <v>0.47682764246798631</v>
      </c>
      <c r="F138" s="89">
        <v>0.13471540500189147</v>
      </c>
      <c r="G138" s="167">
        <v>0.318225000628094</v>
      </c>
      <c r="H138" s="89">
        <v>0.1269471506848672</v>
      </c>
      <c r="I138" s="167">
        <v>0.20494735690391941</v>
      </c>
      <c r="J138" s="89">
        <v>0.11286232190078567</v>
      </c>
      <c r="K138" s="88">
        <v>0</v>
      </c>
      <c r="L138" s="89">
        <v>5.0482272182006148E-2</v>
      </c>
      <c r="M138" s="165">
        <v>68</v>
      </c>
      <c r="N138" s="160">
        <v>4.180101664046969</v>
      </c>
      <c r="O138" s="81">
        <v>0.48177687841310596</v>
      </c>
      <c r="P138" s="168">
        <v>0.3195831561270035</v>
      </c>
      <c r="Q138" s="89">
        <v>0.1107966084048229</v>
      </c>
      <c r="R138" s="167">
        <v>0.20322835377372864</v>
      </c>
      <c r="S138" s="89">
        <v>9.7593457467605449E-2</v>
      </c>
      <c r="T138" s="167">
        <v>0.39785365978626325</v>
      </c>
      <c r="U138" s="89">
        <v>0.11563670151910557</v>
      </c>
      <c r="V138" s="88">
        <v>7.9334830313005075E-2</v>
      </c>
      <c r="W138" s="89">
        <v>7.1552923829337353E-2</v>
      </c>
      <c r="X138" s="165">
        <v>52</v>
      </c>
      <c r="Y138" s="160">
        <v>4.2349624635323471</v>
      </c>
      <c r="Z138" s="81">
        <v>0.37905173367519107</v>
      </c>
      <c r="AA138" s="168">
        <v>0.19044882172417657</v>
      </c>
      <c r="AB138" s="89">
        <v>0.10934154485718905</v>
      </c>
      <c r="AC138" s="167">
        <v>0.32887961953409744</v>
      </c>
      <c r="AD138" s="89">
        <v>0.12670313608652395</v>
      </c>
      <c r="AE138" s="167">
        <v>0.32668867278032721</v>
      </c>
      <c r="AF138" s="89">
        <v>0.12651959434074875</v>
      </c>
      <c r="AG138" s="88">
        <v>0.15398288596139889</v>
      </c>
      <c r="AH138" s="89">
        <v>0.1023876659880015</v>
      </c>
    </row>
    <row r="139" spans="1:34">
      <c r="A139" s="44" t="s">
        <v>543</v>
      </c>
      <c r="B139" s="166">
        <v>71</v>
      </c>
      <c r="C139" s="162">
        <v>3.0101477428239738</v>
      </c>
      <c r="D139" s="82">
        <v>0.45174195388452498</v>
      </c>
      <c r="E139" s="170">
        <v>0.57614975130530044</v>
      </c>
      <c r="F139" s="92">
        <v>0.1142636152253733</v>
      </c>
      <c r="G139" s="169">
        <v>9.1767771820592259E-2</v>
      </c>
      <c r="H139" s="92">
        <v>7.3266195933622838E-2</v>
      </c>
      <c r="I139" s="169">
        <v>0.24697736859485109</v>
      </c>
      <c r="J139" s="92">
        <v>0.10135779360699233</v>
      </c>
      <c r="K139" s="91">
        <v>8.5105108279255631E-2</v>
      </c>
      <c r="L139" s="92">
        <v>7.145495728299564E-2</v>
      </c>
      <c r="M139" s="166">
        <v>80</v>
      </c>
      <c r="N139" s="162">
        <v>4.2968710721452128</v>
      </c>
      <c r="O139" s="82">
        <v>0.46572493593655306</v>
      </c>
      <c r="P139" s="170">
        <v>0.29175629542766829</v>
      </c>
      <c r="Q139" s="92">
        <v>0.10015850940375313</v>
      </c>
      <c r="R139" s="169">
        <v>0.18113956314999705</v>
      </c>
      <c r="S139" s="92">
        <v>8.6679628696488029E-2</v>
      </c>
      <c r="T139" s="169">
        <v>0.39417098085042346</v>
      </c>
      <c r="U139" s="92">
        <v>0.10686918309737657</v>
      </c>
      <c r="V139" s="91">
        <v>0.13293316057191087</v>
      </c>
      <c r="W139" s="92">
        <v>7.8007509873639955E-2</v>
      </c>
      <c r="X139" s="166">
        <v>72</v>
      </c>
      <c r="Y139" s="162">
        <v>3.7175093469509575</v>
      </c>
      <c r="Z139" s="82">
        <v>0.41885675572315212</v>
      </c>
      <c r="AA139" s="170">
        <v>0.44329261522022756</v>
      </c>
      <c r="AB139" s="92">
        <v>0.11404381944291492</v>
      </c>
      <c r="AC139" s="169">
        <v>0.19791299040050275</v>
      </c>
      <c r="AD139" s="92">
        <v>9.4059500821466385E-2</v>
      </c>
      <c r="AE139" s="169">
        <v>0.22884443297731186</v>
      </c>
      <c r="AF139" s="92">
        <v>9.8411193415794435E-2</v>
      </c>
      <c r="AG139" s="91">
        <v>0.12994996140195736</v>
      </c>
      <c r="AH139" s="92">
        <v>8.1788580563260091E-2</v>
      </c>
    </row>
    <row r="140" spans="1:34">
      <c r="A140" s="52" t="s">
        <v>544</v>
      </c>
      <c r="B140" s="165">
        <v>111</v>
      </c>
      <c r="C140" s="160">
        <v>3.1150981882613853</v>
      </c>
      <c r="D140" s="81">
        <v>0.33108416933828871</v>
      </c>
      <c r="E140" s="168">
        <v>0.62449441882676138</v>
      </c>
      <c r="F140" s="89">
        <v>9.0517463178783092E-2</v>
      </c>
      <c r="G140" s="167">
        <v>0.15404882082648183</v>
      </c>
      <c r="H140" s="89">
        <v>6.9407105523965312E-2</v>
      </c>
      <c r="I140" s="167">
        <v>0.17125088367185107</v>
      </c>
      <c r="J140" s="89">
        <v>7.2065572582552459E-2</v>
      </c>
      <c r="K140" s="88">
        <v>5.0205876674905718E-2</v>
      </c>
      <c r="L140" s="89">
        <v>4.6256205220807235E-2</v>
      </c>
      <c r="M140" s="165">
        <v>112</v>
      </c>
      <c r="N140" s="160">
        <v>3.6616299211420031</v>
      </c>
      <c r="O140" s="81">
        <v>0.40313058657870154</v>
      </c>
      <c r="P140" s="168">
        <v>0.42933376546793922</v>
      </c>
      <c r="Q140" s="89">
        <v>9.197914675966537E-2</v>
      </c>
      <c r="R140" s="167">
        <v>0.15624124938302178</v>
      </c>
      <c r="S140" s="89">
        <v>6.9440887930215647E-2</v>
      </c>
      <c r="T140" s="167">
        <v>0.30785924597265985</v>
      </c>
      <c r="U140" s="89">
        <v>8.6220268552239826E-2</v>
      </c>
      <c r="V140" s="88">
        <v>0.10656573917637902</v>
      </c>
      <c r="W140" s="89">
        <v>6.0372588895263736E-2</v>
      </c>
      <c r="X140" s="165">
        <v>111</v>
      </c>
      <c r="Y140" s="160">
        <v>3.4730941065142833</v>
      </c>
      <c r="Z140" s="81">
        <v>0.28293962638019493</v>
      </c>
      <c r="AA140" s="168">
        <v>0.54142790684408626</v>
      </c>
      <c r="AB140" s="89">
        <v>9.2951795816903701E-2</v>
      </c>
      <c r="AC140" s="167">
        <v>0.22562736378758655</v>
      </c>
      <c r="AD140" s="89">
        <v>7.9096083242961274E-2</v>
      </c>
      <c r="AE140" s="167">
        <v>0.20538311540192647</v>
      </c>
      <c r="AF140" s="89">
        <v>7.6700224594865266E-2</v>
      </c>
      <c r="AG140" s="88">
        <v>2.7561613966400653E-2</v>
      </c>
      <c r="AH140" s="89">
        <v>3.8248050426608629E-2</v>
      </c>
    </row>
    <row r="141" spans="1:34">
      <c r="A141" s="44" t="s">
        <v>545</v>
      </c>
      <c r="B141" s="166">
        <v>103</v>
      </c>
      <c r="C141" s="162">
        <v>3.0256210894962394</v>
      </c>
      <c r="D141" s="82">
        <v>0.34694329096040022</v>
      </c>
      <c r="E141" s="170">
        <v>0.52735085664073889</v>
      </c>
      <c r="F141" s="92">
        <v>9.6539530546843444E-2</v>
      </c>
      <c r="G141" s="169">
        <v>0.26077731268565058</v>
      </c>
      <c r="H141" s="92">
        <v>8.5810314934111384E-2</v>
      </c>
      <c r="I141" s="169">
        <v>0.10980425888548473</v>
      </c>
      <c r="J141" s="92">
        <v>6.3809849182618311E-2</v>
      </c>
      <c r="K141" s="91">
        <v>0.10206757178812621</v>
      </c>
      <c r="L141" s="92">
        <v>6.2132735943918528E-2</v>
      </c>
      <c r="M141" s="166">
        <v>121</v>
      </c>
      <c r="N141" s="162">
        <v>4.0631401562982248</v>
      </c>
      <c r="O141" s="82">
        <v>0.38510169597044902</v>
      </c>
      <c r="P141" s="170">
        <v>0.31101085262297029</v>
      </c>
      <c r="Q141" s="92">
        <v>8.3240837964299652E-2</v>
      </c>
      <c r="R141" s="169">
        <v>0.21721540797202293</v>
      </c>
      <c r="S141" s="92">
        <v>7.4847874349259616E-2</v>
      </c>
      <c r="T141" s="169">
        <v>0.34383127695568411</v>
      </c>
      <c r="U141" s="92">
        <v>8.5256738070979152E-2</v>
      </c>
      <c r="V141" s="91">
        <v>0.12794246244932278</v>
      </c>
      <c r="W141" s="92">
        <v>6.2042760897148393E-2</v>
      </c>
      <c r="X141" s="166">
        <v>104</v>
      </c>
      <c r="Y141" s="162">
        <v>4.0488295751836061</v>
      </c>
      <c r="Z141" s="82">
        <v>0.29624674247980065</v>
      </c>
      <c r="AA141" s="170">
        <v>0.33250365890622208</v>
      </c>
      <c r="AB141" s="92">
        <v>9.1080884161150663E-2</v>
      </c>
      <c r="AC141" s="169">
        <v>0.24834641126167281</v>
      </c>
      <c r="AD141" s="92">
        <v>8.4167970439945644E-2</v>
      </c>
      <c r="AE141" s="169">
        <v>0.32953786028551396</v>
      </c>
      <c r="AF141" s="92">
        <v>9.0891713223053908E-2</v>
      </c>
      <c r="AG141" s="91">
        <v>8.9612069546591511E-2</v>
      </c>
      <c r="AH141" s="92">
        <v>5.894949071804069E-2</v>
      </c>
    </row>
    <row r="147" spans="9:23">
      <c r="I147" s="236"/>
      <c r="J147" s="236"/>
      <c r="K147" s="236"/>
      <c r="L147" s="236"/>
      <c r="M147" s="236"/>
      <c r="N147" s="236"/>
      <c r="O147" s="236"/>
      <c r="P147" s="236"/>
      <c r="Q147" s="236"/>
      <c r="R147" s="236"/>
      <c r="S147" s="236"/>
      <c r="T147" s="236"/>
      <c r="U147" s="236"/>
      <c r="V147" s="236"/>
      <c r="W147" s="236"/>
    </row>
  </sheetData>
  <mergeCells count="19">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 ref="A3:D3"/>
    <mergeCell ref="A4:D4"/>
    <mergeCell ref="A5:D5"/>
    <mergeCell ref="A63:L63"/>
    <mergeCell ref="B34:J34"/>
    <mergeCell ref="K34:S34"/>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32:08Z</dcterms:modified>
</cp:coreProperties>
</file>